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7"/>
  </p:sldMasterIdLst>
  <p:notesMasterIdLst>
    <p:notesMasterId r:id="rId20"/>
  </p:notesMasterIdLst>
  <p:handoutMasterIdLst>
    <p:handoutMasterId r:id="rId21"/>
  </p:handoutMasterIdLst>
  <p:sldIdLst>
    <p:sldId id="265" r:id="rId8"/>
    <p:sldId id="259" r:id="rId9"/>
    <p:sldId id="268" r:id="rId10"/>
    <p:sldId id="269" r:id="rId11"/>
    <p:sldId id="270" r:id="rId12"/>
    <p:sldId id="271" r:id="rId13"/>
    <p:sldId id="272" r:id="rId14"/>
    <p:sldId id="274" r:id="rId15"/>
    <p:sldId id="273" r:id="rId16"/>
    <p:sldId id="2147483460" r:id="rId17"/>
    <p:sldId id="2147483461" r:id="rId18"/>
    <p:sldId id="2147483462" r:id="rId19"/>
  </p:sldIdLst>
  <p:sldSz cx="12192000" cy="6858000"/>
  <p:notesSz cx="6858000" cy="9144000"/>
  <p:embeddedFontLst>
    <p:embeddedFont>
      <p:font typeface="Apis For Office" panose="020B0504010101010104" pitchFamily="34" charset="0"/>
      <p:regular r:id="rId22"/>
      <p:bold r:id="rId23"/>
      <p:italic r:id="rId24"/>
      <p:boldItalic r:id="rId25"/>
    </p:embeddedFont>
    <p:embeddedFont>
      <p:font typeface="Apis For Office Light" panose="020B0404010101010104" pitchFamily="34" charset="0"/>
      <p:regular r:id="rId26"/>
      <p:italic r:id="rId27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F411B52-9E0D-48E8-A0DB-155A18988586}" v="88" dt="2025-03-21T10:07:23.93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89951" autoAdjust="0"/>
  </p:normalViewPr>
  <p:slideViewPr>
    <p:cSldViewPr snapToGrid="0" showGuides="1">
      <p:cViewPr>
        <p:scale>
          <a:sx n="100" d="100"/>
          <a:sy n="100" d="100"/>
        </p:scale>
        <p:origin x="-662" y="-49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0" d="100"/>
          <a:sy n="80" d="100"/>
        </p:scale>
        <p:origin x="3918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font" Target="fonts/font5.fntdata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font" Target="fonts/font4.fntdata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notesMaster" Target="notesMasters/notesMaster1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font" Target="fonts/font3.fntdata"/><Relationship Id="rId32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font" Target="fonts/font2.fntdata"/><Relationship Id="rId28" Type="http://schemas.openxmlformats.org/officeDocument/2006/relationships/presProps" Target="pres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font" Target="fonts/font1.fntdata"/><Relationship Id="rId27" Type="http://schemas.openxmlformats.org/officeDocument/2006/relationships/font" Target="fonts/font6.fntdata"/><Relationship Id="rId30" Type="http://schemas.openxmlformats.org/officeDocument/2006/relationships/theme" Target="theme/theme1.xml"/></Relationships>
</file>

<file path=ppt/diagrams/_rels/data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svg"/><Relationship Id="rId3" Type="http://schemas.openxmlformats.org/officeDocument/2006/relationships/image" Target="../media/image15.png"/><Relationship Id="rId7" Type="http://schemas.openxmlformats.org/officeDocument/2006/relationships/image" Target="../media/image19.png"/><Relationship Id="rId2" Type="http://schemas.openxmlformats.org/officeDocument/2006/relationships/image" Target="../media/image14.svg"/><Relationship Id="rId1" Type="http://schemas.openxmlformats.org/officeDocument/2006/relationships/image" Target="../media/image13.png"/><Relationship Id="rId6" Type="http://schemas.openxmlformats.org/officeDocument/2006/relationships/image" Target="../media/image18.svg"/><Relationship Id="rId5" Type="http://schemas.openxmlformats.org/officeDocument/2006/relationships/image" Target="../media/image17.png"/><Relationship Id="rId4" Type="http://schemas.openxmlformats.org/officeDocument/2006/relationships/image" Target="../media/image16.svg"/></Relationships>
</file>

<file path=ppt/diagram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svg"/><Relationship Id="rId3" Type="http://schemas.openxmlformats.org/officeDocument/2006/relationships/image" Target="../media/image15.png"/><Relationship Id="rId7" Type="http://schemas.openxmlformats.org/officeDocument/2006/relationships/image" Target="../media/image19.png"/><Relationship Id="rId2" Type="http://schemas.openxmlformats.org/officeDocument/2006/relationships/image" Target="../media/image14.svg"/><Relationship Id="rId1" Type="http://schemas.openxmlformats.org/officeDocument/2006/relationships/image" Target="../media/image13.png"/><Relationship Id="rId6" Type="http://schemas.openxmlformats.org/officeDocument/2006/relationships/image" Target="../media/image18.svg"/><Relationship Id="rId5" Type="http://schemas.openxmlformats.org/officeDocument/2006/relationships/image" Target="../media/image17.png"/><Relationship Id="rId4" Type="http://schemas.openxmlformats.org/officeDocument/2006/relationships/image" Target="../media/image16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E519C08-0F20-4C56-8363-D6661665357B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50F14888-B986-49DF-8E54-40A14EC29DC9}">
      <dgm:prSet/>
      <dgm:spPr/>
      <dgm:t>
        <a:bodyPr/>
        <a:lstStyle/>
        <a:p>
          <a:r>
            <a:rPr lang="en-GB"/>
            <a:t>Karolin Struck – Smartstep consulting</a:t>
          </a:r>
          <a:endParaRPr lang="en-US"/>
        </a:p>
      </dgm:t>
    </dgm:pt>
    <dgm:pt modelId="{6CDFE31E-2E11-4D5C-A174-0A688452EBEE}" type="parTrans" cxnId="{C59F30D5-E4DD-42D4-9D66-9E913D242A9D}">
      <dgm:prSet/>
      <dgm:spPr/>
      <dgm:t>
        <a:bodyPr/>
        <a:lstStyle/>
        <a:p>
          <a:endParaRPr lang="en-US"/>
        </a:p>
      </dgm:t>
    </dgm:pt>
    <dgm:pt modelId="{6494A584-0D6B-49CD-9DD2-7DCB7DD649EC}" type="sibTrans" cxnId="{C59F30D5-E4DD-42D4-9D66-9E913D242A9D}">
      <dgm:prSet/>
      <dgm:spPr/>
      <dgm:t>
        <a:bodyPr/>
        <a:lstStyle/>
        <a:p>
          <a:endParaRPr lang="en-US"/>
        </a:p>
      </dgm:t>
    </dgm:pt>
    <dgm:pt modelId="{82C1264D-7C12-40A6-A270-01E8507E8981}">
      <dgm:prSet/>
      <dgm:spPr/>
      <dgm:t>
        <a:bodyPr/>
        <a:lstStyle/>
        <a:p>
          <a:r>
            <a:rPr lang="en-GB"/>
            <a:t>Robert Smith – DarkPeakAnalytics</a:t>
          </a:r>
          <a:endParaRPr lang="en-US"/>
        </a:p>
      </dgm:t>
    </dgm:pt>
    <dgm:pt modelId="{2CF9F3BB-8D99-4C5F-9763-DDC7CBF2958D}" type="parTrans" cxnId="{8C95B689-1237-4231-B5F4-D0B80A759275}">
      <dgm:prSet/>
      <dgm:spPr/>
      <dgm:t>
        <a:bodyPr/>
        <a:lstStyle/>
        <a:p>
          <a:endParaRPr lang="en-US"/>
        </a:p>
      </dgm:t>
    </dgm:pt>
    <dgm:pt modelId="{178C0AA3-DE6B-45F7-B795-6487D47B4116}" type="sibTrans" cxnId="{8C95B689-1237-4231-B5F4-D0B80A759275}">
      <dgm:prSet/>
      <dgm:spPr/>
      <dgm:t>
        <a:bodyPr/>
        <a:lstStyle/>
        <a:p>
          <a:endParaRPr lang="en-US"/>
        </a:p>
      </dgm:t>
    </dgm:pt>
    <dgm:pt modelId="{14B31223-93C9-4CD0-A178-F1F8C7787970}">
      <dgm:prSet/>
      <dgm:spPr/>
      <dgm:t>
        <a:bodyPr/>
        <a:lstStyle/>
        <a:p>
          <a:r>
            <a:rPr lang="en-GB"/>
            <a:t>Rose Hart – DarkPeakAnalytics</a:t>
          </a:r>
          <a:endParaRPr lang="en-US"/>
        </a:p>
      </dgm:t>
    </dgm:pt>
    <dgm:pt modelId="{24CB336D-4735-483B-BB8B-75B98147A982}" type="parTrans" cxnId="{A26EC6B5-8548-48C2-9E80-8A2D00CA9FA8}">
      <dgm:prSet/>
      <dgm:spPr/>
      <dgm:t>
        <a:bodyPr/>
        <a:lstStyle/>
        <a:p>
          <a:endParaRPr lang="en-US"/>
        </a:p>
      </dgm:t>
    </dgm:pt>
    <dgm:pt modelId="{78045E6A-DFD9-4D45-A9EF-F75E25DC8169}" type="sibTrans" cxnId="{A26EC6B5-8548-48C2-9E80-8A2D00CA9FA8}">
      <dgm:prSet/>
      <dgm:spPr/>
      <dgm:t>
        <a:bodyPr/>
        <a:lstStyle/>
        <a:p>
          <a:endParaRPr lang="en-US"/>
        </a:p>
      </dgm:t>
    </dgm:pt>
    <dgm:pt modelId="{FBD0676D-6CA4-4D45-B486-1626184D34C4}">
      <dgm:prSet/>
      <dgm:spPr/>
      <dgm:t>
        <a:bodyPr/>
        <a:lstStyle/>
        <a:p>
          <a:r>
            <a:rPr lang="en-GB"/>
            <a:t>Natalie Dennis – Daiichi Sankyo</a:t>
          </a:r>
          <a:endParaRPr lang="en-US"/>
        </a:p>
      </dgm:t>
    </dgm:pt>
    <dgm:pt modelId="{5E9A4666-8DC2-4AE3-8C27-0FDAC8963A4A}" type="parTrans" cxnId="{154F935D-6525-4EE2-8ED4-D9D13BA5CF6C}">
      <dgm:prSet/>
      <dgm:spPr/>
      <dgm:t>
        <a:bodyPr/>
        <a:lstStyle/>
        <a:p>
          <a:endParaRPr lang="en-US"/>
        </a:p>
      </dgm:t>
    </dgm:pt>
    <dgm:pt modelId="{15B5A99D-D9C8-4BD5-8CC3-3E6FB7BF04F5}" type="sibTrans" cxnId="{154F935D-6525-4EE2-8ED4-D9D13BA5CF6C}">
      <dgm:prSet/>
      <dgm:spPr/>
      <dgm:t>
        <a:bodyPr/>
        <a:lstStyle/>
        <a:p>
          <a:endParaRPr lang="en-US"/>
        </a:p>
      </dgm:t>
    </dgm:pt>
    <dgm:pt modelId="{CC92DE51-EC9C-4615-8F7B-A2FEE065C362}">
      <dgm:prSet/>
      <dgm:spPr/>
      <dgm:t>
        <a:bodyPr/>
        <a:lstStyle/>
        <a:p>
          <a:r>
            <a:rPr lang="en-GB"/>
            <a:t>Christian Haargaard Olsen - Novo Nordisk</a:t>
          </a:r>
          <a:endParaRPr lang="en-US"/>
        </a:p>
      </dgm:t>
    </dgm:pt>
    <dgm:pt modelId="{E2019FFF-D884-4A5A-89D2-1A702DB8B1BB}" type="parTrans" cxnId="{54C91CEF-F932-48EE-8BD2-A56B80B54F1E}">
      <dgm:prSet/>
      <dgm:spPr/>
      <dgm:t>
        <a:bodyPr/>
        <a:lstStyle/>
        <a:p>
          <a:endParaRPr lang="en-US"/>
        </a:p>
      </dgm:t>
    </dgm:pt>
    <dgm:pt modelId="{0E70D9CC-2439-4040-805E-873E27319011}" type="sibTrans" cxnId="{54C91CEF-F932-48EE-8BD2-A56B80B54F1E}">
      <dgm:prSet/>
      <dgm:spPr/>
      <dgm:t>
        <a:bodyPr/>
        <a:lstStyle/>
        <a:p>
          <a:endParaRPr lang="en-US"/>
        </a:p>
      </dgm:t>
    </dgm:pt>
    <dgm:pt modelId="{B18C6E42-7842-4C2D-A52F-8CBB8423CF0C}" type="pres">
      <dgm:prSet presAssocID="{2E519C08-0F20-4C56-8363-D6661665357B}" presName="linear" presStyleCnt="0">
        <dgm:presLayoutVars>
          <dgm:animLvl val="lvl"/>
          <dgm:resizeHandles val="exact"/>
        </dgm:presLayoutVars>
      </dgm:prSet>
      <dgm:spPr/>
    </dgm:pt>
    <dgm:pt modelId="{11B016D8-980A-4075-A6CD-7A91790A9A53}" type="pres">
      <dgm:prSet presAssocID="{50F14888-B986-49DF-8E54-40A14EC29DC9}" presName="parentText" presStyleLbl="node1" presStyleIdx="0" presStyleCnt="5">
        <dgm:presLayoutVars>
          <dgm:chMax val="0"/>
          <dgm:bulletEnabled val="1"/>
        </dgm:presLayoutVars>
      </dgm:prSet>
      <dgm:spPr/>
    </dgm:pt>
    <dgm:pt modelId="{FC3B63C7-8A6B-4B1C-8D59-D3D564AD3C21}" type="pres">
      <dgm:prSet presAssocID="{6494A584-0D6B-49CD-9DD2-7DCB7DD649EC}" presName="spacer" presStyleCnt="0"/>
      <dgm:spPr/>
    </dgm:pt>
    <dgm:pt modelId="{B4A3E35C-E84C-451D-BCBD-3F1A83C05A18}" type="pres">
      <dgm:prSet presAssocID="{82C1264D-7C12-40A6-A270-01E8507E8981}" presName="parentText" presStyleLbl="node1" presStyleIdx="1" presStyleCnt="5">
        <dgm:presLayoutVars>
          <dgm:chMax val="0"/>
          <dgm:bulletEnabled val="1"/>
        </dgm:presLayoutVars>
      </dgm:prSet>
      <dgm:spPr/>
    </dgm:pt>
    <dgm:pt modelId="{25F21BA8-78CD-4AD8-83BB-3212156DDDE0}" type="pres">
      <dgm:prSet presAssocID="{178C0AA3-DE6B-45F7-B795-6487D47B4116}" presName="spacer" presStyleCnt="0"/>
      <dgm:spPr/>
    </dgm:pt>
    <dgm:pt modelId="{3972D771-551A-42AA-B7F4-2626C04D77E7}" type="pres">
      <dgm:prSet presAssocID="{14B31223-93C9-4CD0-A178-F1F8C7787970}" presName="parentText" presStyleLbl="node1" presStyleIdx="2" presStyleCnt="5">
        <dgm:presLayoutVars>
          <dgm:chMax val="0"/>
          <dgm:bulletEnabled val="1"/>
        </dgm:presLayoutVars>
      </dgm:prSet>
      <dgm:spPr/>
    </dgm:pt>
    <dgm:pt modelId="{B95C1AB0-5E13-41BD-BABB-C8FDA7EE5FA9}" type="pres">
      <dgm:prSet presAssocID="{78045E6A-DFD9-4D45-A9EF-F75E25DC8169}" presName="spacer" presStyleCnt="0"/>
      <dgm:spPr/>
    </dgm:pt>
    <dgm:pt modelId="{5D571904-00D9-415D-91A4-A91D27F32907}" type="pres">
      <dgm:prSet presAssocID="{FBD0676D-6CA4-4D45-B486-1626184D34C4}" presName="parentText" presStyleLbl="node1" presStyleIdx="3" presStyleCnt="5">
        <dgm:presLayoutVars>
          <dgm:chMax val="0"/>
          <dgm:bulletEnabled val="1"/>
        </dgm:presLayoutVars>
      </dgm:prSet>
      <dgm:spPr/>
    </dgm:pt>
    <dgm:pt modelId="{5818E691-B14B-475C-B445-7A15E67CA32A}" type="pres">
      <dgm:prSet presAssocID="{15B5A99D-D9C8-4BD5-8CC3-3E6FB7BF04F5}" presName="spacer" presStyleCnt="0"/>
      <dgm:spPr/>
    </dgm:pt>
    <dgm:pt modelId="{9A2F10DA-5627-45AE-9D67-B7BD8982ECD0}" type="pres">
      <dgm:prSet presAssocID="{CC92DE51-EC9C-4615-8F7B-A2FEE065C362}" presName="parentText" presStyleLbl="node1" presStyleIdx="4" presStyleCnt="5">
        <dgm:presLayoutVars>
          <dgm:chMax val="0"/>
          <dgm:bulletEnabled val="1"/>
        </dgm:presLayoutVars>
      </dgm:prSet>
      <dgm:spPr/>
    </dgm:pt>
  </dgm:ptLst>
  <dgm:cxnLst>
    <dgm:cxn modelId="{ADAFCB18-527B-4A47-8F53-DD7C73CC424E}" type="presOf" srcId="{14B31223-93C9-4CD0-A178-F1F8C7787970}" destId="{3972D771-551A-42AA-B7F4-2626C04D77E7}" srcOrd="0" destOrd="0" presId="urn:microsoft.com/office/officeart/2005/8/layout/vList2"/>
    <dgm:cxn modelId="{154F935D-6525-4EE2-8ED4-D9D13BA5CF6C}" srcId="{2E519C08-0F20-4C56-8363-D6661665357B}" destId="{FBD0676D-6CA4-4D45-B486-1626184D34C4}" srcOrd="3" destOrd="0" parTransId="{5E9A4666-8DC2-4AE3-8C27-0FDAC8963A4A}" sibTransId="{15B5A99D-D9C8-4BD5-8CC3-3E6FB7BF04F5}"/>
    <dgm:cxn modelId="{61DC1762-10AD-4A1B-980C-7018BEE7CBF6}" type="presOf" srcId="{82C1264D-7C12-40A6-A270-01E8507E8981}" destId="{B4A3E35C-E84C-451D-BCBD-3F1A83C05A18}" srcOrd="0" destOrd="0" presId="urn:microsoft.com/office/officeart/2005/8/layout/vList2"/>
    <dgm:cxn modelId="{5D96B681-5214-4790-A409-4725BE20E3BD}" type="presOf" srcId="{CC92DE51-EC9C-4615-8F7B-A2FEE065C362}" destId="{9A2F10DA-5627-45AE-9D67-B7BD8982ECD0}" srcOrd="0" destOrd="0" presId="urn:microsoft.com/office/officeart/2005/8/layout/vList2"/>
    <dgm:cxn modelId="{8C95B689-1237-4231-B5F4-D0B80A759275}" srcId="{2E519C08-0F20-4C56-8363-D6661665357B}" destId="{82C1264D-7C12-40A6-A270-01E8507E8981}" srcOrd="1" destOrd="0" parTransId="{2CF9F3BB-8D99-4C5F-9763-DDC7CBF2958D}" sibTransId="{178C0AA3-DE6B-45F7-B795-6487D47B4116}"/>
    <dgm:cxn modelId="{A26EC6B5-8548-48C2-9E80-8A2D00CA9FA8}" srcId="{2E519C08-0F20-4C56-8363-D6661665357B}" destId="{14B31223-93C9-4CD0-A178-F1F8C7787970}" srcOrd="2" destOrd="0" parTransId="{24CB336D-4735-483B-BB8B-75B98147A982}" sibTransId="{78045E6A-DFD9-4D45-A9EF-F75E25DC8169}"/>
    <dgm:cxn modelId="{4FF7BBD2-985B-4C7D-9E90-0BFB6F138B33}" type="presOf" srcId="{2E519C08-0F20-4C56-8363-D6661665357B}" destId="{B18C6E42-7842-4C2D-A52F-8CBB8423CF0C}" srcOrd="0" destOrd="0" presId="urn:microsoft.com/office/officeart/2005/8/layout/vList2"/>
    <dgm:cxn modelId="{C59F30D5-E4DD-42D4-9D66-9E913D242A9D}" srcId="{2E519C08-0F20-4C56-8363-D6661665357B}" destId="{50F14888-B986-49DF-8E54-40A14EC29DC9}" srcOrd="0" destOrd="0" parTransId="{6CDFE31E-2E11-4D5C-A174-0A688452EBEE}" sibTransId="{6494A584-0D6B-49CD-9DD2-7DCB7DD649EC}"/>
    <dgm:cxn modelId="{E6ABCCE8-FED0-4418-875B-770603E086CA}" type="presOf" srcId="{50F14888-B986-49DF-8E54-40A14EC29DC9}" destId="{11B016D8-980A-4075-A6CD-7A91790A9A53}" srcOrd="0" destOrd="0" presId="urn:microsoft.com/office/officeart/2005/8/layout/vList2"/>
    <dgm:cxn modelId="{54C91CEF-F932-48EE-8BD2-A56B80B54F1E}" srcId="{2E519C08-0F20-4C56-8363-D6661665357B}" destId="{CC92DE51-EC9C-4615-8F7B-A2FEE065C362}" srcOrd="4" destOrd="0" parTransId="{E2019FFF-D884-4A5A-89D2-1A702DB8B1BB}" sibTransId="{0E70D9CC-2439-4040-805E-873E27319011}"/>
    <dgm:cxn modelId="{62C0A1EF-4BE8-4BC6-8173-844D457CAADB}" type="presOf" srcId="{FBD0676D-6CA4-4D45-B486-1626184D34C4}" destId="{5D571904-00D9-415D-91A4-A91D27F32907}" srcOrd="0" destOrd="0" presId="urn:microsoft.com/office/officeart/2005/8/layout/vList2"/>
    <dgm:cxn modelId="{CC9184C1-AAC3-42B0-87B5-516AB113953B}" type="presParOf" srcId="{B18C6E42-7842-4C2D-A52F-8CBB8423CF0C}" destId="{11B016D8-980A-4075-A6CD-7A91790A9A53}" srcOrd="0" destOrd="0" presId="urn:microsoft.com/office/officeart/2005/8/layout/vList2"/>
    <dgm:cxn modelId="{E3F49C82-B32A-49ED-9D35-06565AA93C7A}" type="presParOf" srcId="{B18C6E42-7842-4C2D-A52F-8CBB8423CF0C}" destId="{FC3B63C7-8A6B-4B1C-8D59-D3D564AD3C21}" srcOrd="1" destOrd="0" presId="urn:microsoft.com/office/officeart/2005/8/layout/vList2"/>
    <dgm:cxn modelId="{36540B2A-5CC7-43ED-85B0-E98ABFB9F05C}" type="presParOf" srcId="{B18C6E42-7842-4C2D-A52F-8CBB8423CF0C}" destId="{B4A3E35C-E84C-451D-BCBD-3F1A83C05A18}" srcOrd="2" destOrd="0" presId="urn:microsoft.com/office/officeart/2005/8/layout/vList2"/>
    <dgm:cxn modelId="{B537C81E-1745-466A-B41A-F2E88F58CBD7}" type="presParOf" srcId="{B18C6E42-7842-4C2D-A52F-8CBB8423CF0C}" destId="{25F21BA8-78CD-4AD8-83BB-3212156DDDE0}" srcOrd="3" destOrd="0" presId="urn:microsoft.com/office/officeart/2005/8/layout/vList2"/>
    <dgm:cxn modelId="{01DCB3CF-3111-499A-B305-EBC9E1DCF30A}" type="presParOf" srcId="{B18C6E42-7842-4C2D-A52F-8CBB8423CF0C}" destId="{3972D771-551A-42AA-B7F4-2626C04D77E7}" srcOrd="4" destOrd="0" presId="urn:microsoft.com/office/officeart/2005/8/layout/vList2"/>
    <dgm:cxn modelId="{6D67C92B-FBBB-498F-B5A2-AD98001721A1}" type="presParOf" srcId="{B18C6E42-7842-4C2D-A52F-8CBB8423CF0C}" destId="{B95C1AB0-5E13-41BD-BABB-C8FDA7EE5FA9}" srcOrd="5" destOrd="0" presId="urn:microsoft.com/office/officeart/2005/8/layout/vList2"/>
    <dgm:cxn modelId="{F21E47E3-3D78-4A69-9E73-3F8961C1BE7B}" type="presParOf" srcId="{B18C6E42-7842-4C2D-A52F-8CBB8423CF0C}" destId="{5D571904-00D9-415D-91A4-A91D27F32907}" srcOrd="6" destOrd="0" presId="urn:microsoft.com/office/officeart/2005/8/layout/vList2"/>
    <dgm:cxn modelId="{0F327A9B-602C-45DF-9455-CD57FF9D1966}" type="presParOf" srcId="{B18C6E42-7842-4C2D-A52F-8CBB8423CF0C}" destId="{5818E691-B14B-475C-B445-7A15E67CA32A}" srcOrd="7" destOrd="0" presId="urn:microsoft.com/office/officeart/2005/8/layout/vList2"/>
    <dgm:cxn modelId="{6F42B24B-9045-4D84-8B73-0B9F0B7DF97B}" type="presParOf" srcId="{B18C6E42-7842-4C2D-A52F-8CBB8423CF0C}" destId="{9A2F10DA-5627-45AE-9D67-B7BD8982ECD0}" srcOrd="8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C0145457-ED70-4221-B6FE-01C393AFE05A}" type="doc">
      <dgm:prSet loTypeId="urn:microsoft.com/office/officeart/2018/2/layout/IconCircle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4DE51415-ED55-4A31-B45E-47DC3F046ECB}">
      <dgm:prSet/>
      <dgm:spPr/>
      <dgm:t>
        <a:bodyPr/>
        <a:lstStyle/>
        <a:p>
          <a:pPr>
            <a:lnSpc>
              <a:spcPct val="100000"/>
            </a:lnSpc>
          </a:pPr>
          <a:r>
            <a:rPr lang="en-GB" dirty="0"/>
            <a:t>Regulatory statistics is enjoying the flourishing of a wide ecosystem of R packages to support regulatory submissions.</a:t>
          </a:r>
          <a:endParaRPr lang="en-US" dirty="0"/>
        </a:p>
      </dgm:t>
    </dgm:pt>
    <dgm:pt modelId="{42C44C82-8880-4189-BEF1-CC64009990E1}" type="parTrans" cxnId="{DE20B23A-F600-400E-A844-1008093A56F8}">
      <dgm:prSet/>
      <dgm:spPr/>
      <dgm:t>
        <a:bodyPr/>
        <a:lstStyle/>
        <a:p>
          <a:endParaRPr lang="en-US"/>
        </a:p>
      </dgm:t>
    </dgm:pt>
    <dgm:pt modelId="{9AE40AC0-D895-486B-BDDD-BAC97BEDF558}" type="sibTrans" cxnId="{DE20B23A-F600-400E-A844-1008093A56F8}">
      <dgm:prSet/>
      <dgm:spPr/>
      <dgm:t>
        <a:bodyPr/>
        <a:lstStyle/>
        <a:p>
          <a:pPr>
            <a:lnSpc>
              <a:spcPct val="100000"/>
            </a:lnSpc>
          </a:pPr>
          <a:endParaRPr lang="en-US"/>
        </a:p>
      </dgm:t>
    </dgm:pt>
    <dgm:pt modelId="{1FCA4417-E146-4CB7-B738-AFFE84DE5D3F}">
      <dgm:prSet/>
      <dgm:spPr/>
      <dgm:t>
        <a:bodyPr/>
        <a:lstStyle/>
        <a:p>
          <a:pPr>
            <a:lnSpc>
              <a:spcPct val="100000"/>
            </a:lnSpc>
          </a:pPr>
          <a:r>
            <a:rPr lang="en-GB"/>
            <a:t>It is now possible to do a complete regulatory submission in R using open-source packages.</a:t>
          </a:r>
          <a:endParaRPr lang="en-US"/>
        </a:p>
      </dgm:t>
    </dgm:pt>
    <dgm:pt modelId="{6FF4A0F5-C79D-4E1E-8D33-24C8C1D70FDB}" type="parTrans" cxnId="{5C9E2347-45CA-4D7C-94BE-092773FCEA31}">
      <dgm:prSet/>
      <dgm:spPr/>
      <dgm:t>
        <a:bodyPr/>
        <a:lstStyle/>
        <a:p>
          <a:endParaRPr lang="en-US"/>
        </a:p>
      </dgm:t>
    </dgm:pt>
    <dgm:pt modelId="{710E62F6-5CE3-4319-A849-EFA9F78D6E7F}" type="sibTrans" cxnId="{5C9E2347-45CA-4D7C-94BE-092773FCEA31}">
      <dgm:prSet/>
      <dgm:spPr/>
      <dgm:t>
        <a:bodyPr/>
        <a:lstStyle/>
        <a:p>
          <a:pPr>
            <a:lnSpc>
              <a:spcPct val="100000"/>
            </a:lnSpc>
          </a:pPr>
          <a:endParaRPr lang="en-US"/>
        </a:p>
      </dgm:t>
    </dgm:pt>
    <dgm:pt modelId="{6FDED274-C514-4D78-A927-1295261E738B}">
      <dgm:prSet/>
      <dgm:spPr/>
      <dgm:t>
        <a:bodyPr/>
        <a:lstStyle/>
        <a:p>
          <a:pPr>
            <a:lnSpc>
              <a:spcPct val="100000"/>
            </a:lnSpc>
          </a:pPr>
          <a:r>
            <a:rPr lang="en-GB"/>
            <a:t>Our goal is to have the same possibility for HTA submissions.</a:t>
          </a:r>
          <a:endParaRPr lang="en-US"/>
        </a:p>
      </dgm:t>
    </dgm:pt>
    <dgm:pt modelId="{DFF8ABAF-BCFC-4524-81C3-5E95C6297F89}" type="parTrans" cxnId="{8EE3A70E-DF32-48AA-8D29-9CE9C84BBC26}">
      <dgm:prSet/>
      <dgm:spPr/>
      <dgm:t>
        <a:bodyPr/>
        <a:lstStyle/>
        <a:p>
          <a:endParaRPr lang="en-US"/>
        </a:p>
      </dgm:t>
    </dgm:pt>
    <dgm:pt modelId="{70B0EEF9-7B2E-491B-A86F-E59E6805A731}" type="sibTrans" cxnId="{8EE3A70E-DF32-48AA-8D29-9CE9C84BBC26}">
      <dgm:prSet/>
      <dgm:spPr/>
      <dgm:t>
        <a:bodyPr/>
        <a:lstStyle/>
        <a:p>
          <a:pPr>
            <a:lnSpc>
              <a:spcPct val="100000"/>
            </a:lnSpc>
          </a:pPr>
          <a:endParaRPr lang="en-US"/>
        </a:p>
      </dgm:t>
    </dgm:pt>
    <dgm:pt modelId="{9B2EBCF0-0A85-4255-AE28-44E3C5D7DD69}">
      <dgm:prSet/>
      <dgm:spPr/>
      <dgm:t>
        <a:bodyPr/>
        <a:lstStyle/>
        <a:p>
          <a:pPr>
            <a:lnSpc>
              <a:spcPct val="100000"/>
            </a:lnSpc>
          </a:pPr>
          <a:r>
            <a:rPr lang="en-GB"/>
            <a:t>However, we envision our journey there to be more direct by having a framework laid out for needed components and how they fit together as well as concerted cross-industry efforts to fill the gaps.</a:t>
          </a:r>
          <a:endParaRPr lang="en-US"/>
        </a:p>
      </dgm:t>
    </dgm:pt>
    <dgm:pt modelId="{9ABF73B8-D2BD-4EF2-A94E-CFD173C015A3}" type="parTrans" cxnId="{E130A5AA-1C94-4074-84FE-FAF612D77CC9}">
      <dgm:prSet/>
      <dgm:spPr/>
      <dgm:t>
        <a:bodyPr/>
        <a:lstStyle/>
        <a:p>
          <a:endParaRPr lang="en-US"/>
        </a:p>
      </dgm:t>
    </dgm:pt>
    <dgm:pt modelId="{4A78E4E2-517A-4ADB-9702-F4BEA6CAC0F0}" type="sibTrans" cxnId="{E130A5AA-1C94-4074-84FE-FAF612D77CC9}">
      <dgm:prSet/>
      <dgm:spPr/>
      <dgm:t>
        <a:bodyPr/>
        <a:lstStyle/>
        <a:p>
          <a:endParaRPr lang="en-US"/>
        </a:p>
      </dgm:t>
    </dgm:pt>
    <dgm:pt modelId="{746E94D8-FD3E-46E1-AB10-B05FC3EA3376}" type="pres">
      <dgm:prSet presAssocID="{C0145457-ED70-4221-B6FE-01C393AFE05A}" presName="root" presStyleCnt="0">
        <dgm:presLayoutVars>
          <dgm:dir/>
          <dgm:resizeHandles val="exact"/>
        </dgm:presLayoutVars>
      </dgm:prSet>
      <dgm:spPr/>
    </dgm:pt>
    <dgm:pt modelId="{487AEF4A-E2A7-41D8-980C-55F2B362803A}" type="pres">
      <dgm:prSet presAssocID="{C0145457-ED70-4221-B6FE-01C393AFE05A}" presName="container" presStyleCnt="0">
        <dgm:presLayoutVars>
          <dgm:dir/>
          <dgm:resizeHandles val="exact"/>
        </dgm:presLayoutVars>
      </dgm:prSet>
      <dgm:spPr/>
    </dgm:pt>
    <dgm:pt modelId="{191CA8B6-BED8-442C-A5D0-6678593DD370}" type="pres">
      <dgm:prSet presAssocID="{4DE51415-ED55-4A31-B45E-47DC3F046ECB}" presName="compNode" presStyleCnt="0"/>
      <dgm:spPr/>
    </dgm:pt>
    <dgm:pt modelId="{5713AA7C-3FCC-42A8-95ED-1154E4610FB7}" type="pres">
      <dgm:prSet presAssocID="{4DE51415-ED55-4A31-B45E-47DC3F046ECB}" presName="iconBgRect" presStyleLbl="bgShp" presStyleIdx="0" presStyleCnt="4"/>
      <dgm:spPr/>
    </dgm:pt>
    <dgm:pt modelId="{2421D471-24C7-43BF-86D1-566397ADDFA0}" type="pres">
      <dgm:prSet presAssocID="{4DE51415-ED55-4A31-B45E-47DC3F046ECB}" presName="iconRect" presStyleLbl="node1" presStyleIdx="0" presStyleCnt="4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Medicine"/>
        </a:ext>
      </dgm:extLst>
    </dgm:pt>
    <dgm:pt modelId="{7424114D-2BD8-4E2C-9970-DAC5C7CFBB2E}" type="pres">
      <dgm:prSet presAssocID="{4DE51415-ED55-4A31-B45E-47DC3F046ECB}" presName="spaceRect" presStyleCnt="0"/>
      <dgm:spPr/>
    </dgm:pt>
    <dgm:pt modelId="{D4408998-FD60-4A4D-84FE-956E089E6D68}" type="pres">
      <dgm:prSet presAssocID="{4DE51415-ED55-4A31-B45E-47DC3F046ECB}" presName="textRect" presStyleLbl="revTx" presStyleIdx="0" presStyleCnt="4">
        <dgm:presLayoutVars>
          <dgm:chMax val="1"/>
          <dgm:chPref val="1"/>
        </dgm:presLayoutVars>
      </dgm:prSet>
      <dgm:spPr/>
    </dgm:pt>
    <dgm:pt modelId="{3F031999-7466-4636-9881-2D5C61D8DA8C}" type="pres">
      <dgm:prSet presAssocID="{9AE40AC0-D895-486B-BDDD-BAC97BEDF558}" presName="sibTrans" presStyleLbl="sibTrans2D1" presStyleIdx="0" presStyleCnt="0"/>
      <dgm:spPr/>
    </dgm:pt>
    <dgm:pt modelId="{592B171B-BDDB-4704-BD32-03068131CF60}" type="pres">
      <dgm:prSet presAssocID="{1FCA4417-E146-4CB7-B738-AFFE84DE5D3F}" presName="compNode" presStyleCnt="0"/>
      <dgm:spPr/>
    </dgm:pt>
    <dgm:pt modelId="{6F7F3258-301A-4220-890C-F30961F550B7}" type="pres">
      <dgm:prSet presAssocID="{1FCA4417-E146-4CB7-B738-AFFE84DE5D3F}" presName="iconBgRect" presStyleLbl="bgShp" presStyleIdx="1" presStyleCnt="4"/>
      <dgm:spPr/>
    </dgm:pt>
    <dgm:pt modelId="{D3A99E63-A23D-46F1-B133-A033E7F9F553}" type="pres">
      <dgm:prSet presAssocID="{1FCA4417-E146-4CB7-B738-AFFE84DE5D3F}" presName="iconRect" presStyleLbl="node1" presStyleIdx="1" presStyleCnt="4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Ruble"/>
        </a:ext>
      </dgm:extLst>
    </dgm:pt>
    <dgm:pt modelId="{A9F3255B-2458-4DAE-982E-E79007E6A23F}" type="pres">
      <dgm:prSet presAssocID="{1FCA4417-E146-4CB7-B738-AFFE84DE5D3F}" presName="spaceRect" presStyleCnt="0"/>
      <dgm:spPr/>
    </dgm:pt>
    <dgm:pt modelId="{D3B28F95-C656-4F66-AD5E-6FB8CD858C07}" type="pres">
      <dgm:prSet presAssocID="{1FCA4417-E146-4CB7-B738-AFFE84DE5D3F}" presName="textRect" presStyleLbl="revTx" presStyleIdx="1" presStyleCnt="4">
        <dgm:presLayoutVars>
          <dgm:chMax val="1"/>
          <dgm:chPref val="1"/>
        </dgm:presLayoutVars>
      </dgm:prSet>
      <dgm:spPr/>
    </dgm:pt>
    <dgm:pt modelId="{6EA871BF-D0ED-4B5E-9E47-990603FA379C}" type="pres">
      <dgm:prSet presAssocID="{710E62F6-5CE3-4319-A849-EFA9F78D6E7F}" presName="sibTrans" presStyleLbl="sibTrans2D1" presStyleIdx="0" presStyleCnt="0"/>
      <dgm:spPr/>
    </dgm:pt>
    <dgm:pt modelId="{620B1BC9-2764-46BC-A98B-6312BF37923F}" type="pres">
      <dgm:prSet presAssocID="{6FDED274-C514-4D78-A927-1295261E738B}" presName="compNode" presStyleCnt="0"/>
      <dgm:spPr/>
    </dgm:pt>
    <dgm:pt modelId="{35BDA565-B452-4CAA-86A4-B152307724F1}" type="pres">
      <dgm:prSet presAssocID="{6FDED274-C514-4D78-A927-1295261E738B}" presName="iconBgRect" presStyleLbl="bgShp" presStyleIdx="2" presStyleCnt="4"/>
      <dgm:spPr/>
    </dgm:pt>
    <dgm:pt modelId="{D0466B5F-3B6B-4CB0-93DD-F6C6483A1A5D}" type="pres">
      <dgm:prSet presAssocID="{6FDED274-C514-4D78-A927-1295261E738B}" presName="iconRect" presStyleLbl="node1" presStyleIdx="2" presStyleCnt="4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Bullseye"/>
        </a:ext>
      </dgm:extLst>
    </dgm:pt>
    <dgm:pt modelId="{B10C4285-E6E1-4D48-AD48-7C7DC43A4E2C}" type="pres">
      <dgm:prSet presAssocID="{6FDED274-C514-4D78-A927-1295261E738B}" presName="spaceRect" presStyleCnt="0"/>
      <dgm:spPr/>
    </dgm:pt>
    <dgm:pt modelId="{0B608DC2-85FE-4FD6-9C7D-6AE61A06040A}" type="pres">
      <dgm:prSet presAssocID="{6FDED274-C514-4D78-A927-1295261E738B}" presName="textRect" presStyleLbl="revTx" presStyleIdx="2" presStyleCnt="4">
        <dgm:presLayoutVars>
          <dgm:chMax val="1"/>
          <dgm:chPref val="1"/>
        </dgm:presLayoutVars>
      </dgm:prSet>
      <dgm:spPr/>
    </dgm:pt>
    <dgm:pt modelId="{22162479-DABD-443B-AF3A-40699E315B07}" type="pres">
      <dgm:prSet presAssocID="{70B0EEF9-7B2E-491B-A86F-E59E6805A731}" presName="sibTrans" presStyleLbl="sibTrans2D1" presStyleIdx="0" presStyleCnt="0"/>
      <dgm:spPr/>
    </dgm:pt>
    <dgm:pt modelId="{824A25D1-2BC9-4D39-BA25-646208D5B8C7}" type="pres">
      <dgm:prSet presAssocID="{9B2EBCF0-0A85-4255-AE28-44E3C5D7DD69}" presName="compNode" presStyleCnt="0"/>
      <dgm:spPr/>
    </dgm:pt>
    <dgm:pt modelId="{92883126-FC4B-4C3C-A7C4-E5B3D818C0CF}" type="pres">
      <dgm:prSet presAssocID="{9B2EBCF0-0A85-4255-AE28-44E3C5D7DD69}" presName="iconBgRect" presStyleLbl="bgShp" presStyleIdx="3" presStyleCnt="4"/>
      <dgm:spPr/>
    </dgm:pt>
    <dgm:pt modelId="{DA84CA26-894D-48D5-A6FC-E1B22FA1ED37}" type="pres">
      <dgm:prSet presAssocID="{9B2EBCF0-0A85-4255-AE28-44E3C5D7DD69}" presName="iconRect" presStyleLbl="node1" presStyleIdx="3" presStyleCnt="4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Light Bulb and Gear"/>
        </a:ext>
      </dgm:extLst>
    </dgm:pt>
    <dgm:pt modelId="{6AAE3042-3058-4E5D-8023-0FEEFF0CAA95}" type="pres">
      <dgm:prSet presAssocID="{9B2EBCF0-0A85-4255-AE28-44E3C5D7DD69}" presName="spaceRect" presStyleCnt="0"/>
      <dgm:spPr/>
    </dgm:pt>
    <dgm:pt modelId="{DD4FFAA0-6AF5-45B8-B339-153E441A6CB2}" type="pres">
      <dgm:prSet presAssocID="{9B2EBCF0-0A85-4255-AE28-44E3C5D7DD69}" presName="textRect" presStyleLbl="revTx" presStyleIdx="3" presStyleCnt="4">
        <dgm:presLayoutVars>
          <dgm:chMax val="1"/>
          <dgm:chPref val="1"/>
        </dgm:presLayoutVars>
      </dgm:prSet>
      <dgm:spPr/>
    </dgm:pt>
  </dgm:ptLst>
  <dgm:cxnLst>
    <dgm:cxn modelId="{8EE3A70E-DF32-48AA-8D29-9CE9C84BBC26}" srcId="{C0145457-ED70-4221-B6FE-01C393AFE05A}" destId="{6FDED274-C514-4D78-A927-1295261E738B}" srcOrd="2" destOrd="0" parTransId="{DFF8ABAF-BCFC-4524-81C3-5E95C6297F89}" sibTransId="{70B0EEF9-7B2E-491B-A86F-E59E6805A731}"/>
    <dgm:cxn modelId="{DE20B23A-F600-400E-A844-1008093A56F8}" srcId="{C0145457-ED70-4221-B6FE-01C393AFE05A}" destId="{4DE51415-ED55-4A31-B45E-47DC3F046ECB}" srcOrd="0" destOrd="0" parTransId="{42C44C82-8880-4189-BEF1-CC64009990E1}" sibTransId="{9AE40AC0-D895-486B-BDDD-BAC97BEDF558}"/>
    <dgm:cxn modelId="{FC693B5F-C7B1-4CC5-8E42-FA0952F418DD}" type="presOf" srcId="{70B0EEF9-7B2E-491B-A86F-E59E6805A731}" destId="{22162479-DABD-443B-AF3A-40699E315B07}" srcOrd="0" destOrd="0" presId="urn:microsoft.com/office/officeart/2018/2/layout/IconCircleList"/>
    <dgm:cxn modelId="{7DD2BB46-49E9-4DC0-83D7-B47C82255286}" type="presOf" srcId="{C0145457-ED70-4221-B6FE-01C393AFE05A}" destId="{746E94D8-FD3E-46E1-AB10-B05FC3EA3376}" srcOrd="0" destOrd="0" presId="urn:microsoft.com/office/officeart/2018/2/layout/IconCircleList"/>
    <dgm:cxn modelId="{5C9E2347-45CA-4D7C-94BE-092773FCEA31}" srcId="{C0145457-ED70-4221-B6FE-01C393AFE05A}" destId="{1FCA4417-E146-4CB7-B738-AFFE84DE5D3F}" srcOrd="1" destOrd="0" parTransId="{6FF4A0F5-C79D-4E1E-8D33-24C8C1D70FDB}" sibTransId="{710E62F6-5CE3-4319-A849-EFA9F78D6E7F}"/>
    <dgm:cxn modelId="{E608196F-7657-42DA-AEB0-80AA79D59C85}" type="presOf" srcId="{9B2EBCF0-0A85-4255-AE28-44E3C5D7DD69}" destId="{DD4FFAA0-6AF5-45B8-B339-153E441A6CB2}" srcOrd="0" destOrd="0" presId="urn:microsoft.com/office/officeart/2018/2/layout/IconCircleList"/>
    <dgm:cxn modelId="{A76B5F79-8965-4DCF-A8D0-313029CFD115}" type="presOf" srcId="{4DE51415-ED55-4A31-B45E-47DC3F046ECB}" destId="{D4408998-FD60-4A4D-84FE-956E089E6D68}" srcOrd="0" destOrd="0" presId="urn:microsoft.com/office/officeart/2018/2/layout/IconCircleList"/>
    <dgm:cxn modelId="{51C7E198-8C70-4601-9E25-6E73A3D673EB}" type="presOf" srcId="{1FCA4417-E146-4CB7-B738-AFFE84DE5D3F}" destId="{D3B28F95-C656-4F66-AD5E-6FB8CD858C07}" srcOrd="0" destOrd="0" presId="urn:microsoft.com/office/officeart/2018/2/layout/IconCircleList"/>
    <dgm:cxn modelId="{E130A5AA-1C94-4074-84FE-FAF612D77CC9}" srcId="{C0145457-ED70-4221-B6FE-01C393AFE05A}" destId="{9B2EBCF0-0A85-4255-AE28-44E3C5D7DD69}" srcOrd="3" destOrd="0" parTransId="{9ABF73B8-D2BD-4EF2-A94E-CFD173C015A3}" sibTransId="{4A78E4E2-517A-4ADB-9702-F4BEA6CAC0F0}"/>
    <dgm:cxn modelId="{F33B47E1-9FA8-4B77-92D0-6BD9FFF6158E}" type="presOf" srcId="{9AE40AC0-D895-486B-BDDD-BAC97BEDF558}" destId="{3F031999-7466-4636-9881-2D5C61D8DA8C}" srcOrd="0" destOrd="0" presId="urn:microsoft.com/office/officeart/2018/2/layout/IconCircleList"/>
    <dgm:cxn modelId="{346B1CE3-7BA4-4E09-A4E5-E265E6E9086B}" type="presOf" srcId="{710E62F6-5CE3-4319-A849-EFA9F78D6E7F}" destId="{6EA871BF-D0ED-4B5E-9E47-990603FA379C}" srcOrd="0" destOrd="0" presId="urn:microsoft.com/office/officeart/2018/2/layout/IconCircleList"/>
    <dgm:cxn modelId="{E59EAAEC-393A-47E9-B78B-D002E7DD1875}" type="presOf" srcId="{6FDED274-C514-4D78-A927-1295261E738B}" destId="{0B608DC2-85FE-4FD6-9C7D-6AE61A06040A}" srcOrd="0" destOrd="0" presId="urn:microsoft.com/office/officeart/2018/2/layout/IconCircleList"/>
    <dgm:cxn modelId="{77B56819-C619-46A3-82FF-812D04DC09F2}" type="presParOf" srcId="{746E94D8-FD3E-46E1-AB10-B05FC3EA3376}" destId="{487AEF4A-E2A7-41D8-980C-55F2B362803A}" srcOrd="0" destOrd="0" presId="urn:microsoft.com/office/officeart/2018/2/layout/IconCircleList"/>
    <dgm:cxn modelId="{770C359D-DE44-4017-8D8C-06DC615E8F0B}" type="presParOf" srcId="{487AEF4A-E2A7-41D8-980C-55F2B362803A}" destId="{191CA8B6-BED8-442C-A5D0-6678593DD370}" srcOrd="0" destOrd="0" presId="urn:microsoft.com/office/officeart/2018/2/layout/IconCircleList"/>
    <dgm:cxn modelId="{AD773AFC-7950-4723-9B21-19D4F78D9C1A}" type="presParOf" srcId="{191CA8B6-BED8-442C-A5D0-6678593DD370}" destId="{5713AA7C-3FCC-42A8-95ED-1154E4610FB7}" srcOrd="0" destOrd="0" presId="urn:microsoft.com/office/officeart/2018/2/layout/IconCircleList"/>
    <dgm:cxn modelId="{8AF74446-46DB-4169-8502-C79B693B7A24}" type="presParOf" srcId="{191CA8B6-BED8-442C-A5D0-6678593DD370}" destId="{2421D471-24C7-43BF-86D1-566397ADDFA0}" srcOrd="1" destOrd="0" presId="urn:microsoft.com/office/officeart/2018/2/layout/IconCircleList"/>
    <dgm:cxn modelId="{4FEA2D6C-FAC9-4670-925B-2E7063433E1D}" type="presParOf" srcId="{191CA8B6-BED8-442C-A5D0-6678593DD370}" destId="{7424114D-2BD8-4E2C-9970-DAC5C7CFBB2E}" srcOrd="2" destOrd="0" presId="urn:microsoft.com/office/officeart/2018/2/layout/IconCircleList"/>
    <dgm:cxn modelId="{770C02B8-9D09-4CA1-A771-98D9C5BA5EAF}" type="presParOf" srcId="{191CA8B6-BED8-442C-A5D0-6678593DD370}" destId="{D4408998-FD60-4A4D-84FE-956E089E6D68}" srcOrd="3" destOrd="0" presId="urn:microsoft.com/office/officeart/2018/2/layout/IconCircleList"/>
    <dgm:cxn modelId="{4BA78690-A209-4863-9172-CE238AE7793B}" type="presParOf" srcId="{487AEF4A-E2A7-41D8-980C-55F2B362803A}" destId="{3F031999-7466-4636-9881-2D5C61D8DA8C}" srcOrd="1" destOrd="0" presId="urn:microsoft.com/office/officeart/2018/2/layout/IconCircleList"/>
    <dgm:cxn modelId="{4BD8A20C-77A2-4E05-AEE7-669FF61F00C5}" type="presParOf" srcId="{487AEF4A-E2A7-41D8-980C-55F2B362803A}" destId="{592B171B-BDDB-4704-BD32-03068131CF60}" srcOrd="2" destOrd="0" presId="urn:microsoft.com/office/officeart/2018/2/layout/IconCircleList"/>
    <dgm:cxn modelId="{E1D4E920-3C97-4D9E-B1EC-E42C9CB3885C}" type="presParOf" srcId="{592B171B-BDDB-4704-BD32-03068131CF60}" destId="{6F7F3258-301A-4220-890C-F30961F550B7}" srcOrd="0" destOrd="0" presId="urn:microsoft.com/office/officeart/2018/2/layout/IconCircleList"/>
    <dgm:cxn modelId="{13858C3E-FE22-4A9F-B470-4EE364FAFCA3}" type="presParOf" srcId="{592B171B-BDDB-4704-BD32-03068131CF60}" destId="{D3A99E63-A23D-46F1-B133-A033E7F9F553}" srcOrd="1" destOrd="0" presId="urn:microsoft.com/office/officeart/2018/2/layout/IconCircleList"/>
    <dgm:cxn modelId="{AE9CDF20-4CC4-4235-91A6-565C97C7A071}" type="presParOf" srcId="{592B171B-BDDB-4704-BD32-03068131CF60}" destId="{A9F3255B-2458-4DAE-982E-E79007E6A23F}" srcOrd="2" destOrd="0" presId="urn:microsoft.com/office/officeart/2018/2/layout/IconCircleList"/>
    <dgm:cxn modelId="{3C4258EE-830D-404F-829B-398F3558E36A}" type="presParOf" srcId="{592B171B-BDDB-4704-BD32-03068131CF60}" destId="{D3B28F95-C656-4F66-AD5E-6FB8CD858C07}" srcOrd="3" destOrd="0" presId="urn:microsoft.com/office/officeart/2018/2/layout/IconCircleList"/>
    <dgm:cxn modelId="{A9C9DBC9-C2F1-4427-ABF1-10373DE7A64F}" type="presParOf" srcId="{487AEF4A-E2A7-41D8-980C-55F2B362803A}" destId="{6EA871BF-D0ED-4B5E-9E47-990603FA379C}" srcOrd="3" destOrd="0" presId="urn:microsoft.com/office/officeart/2018/2/layout/IconCircleList"/>
    <dgm:cxn modelId="{57FC5E50-A6F9-4244-B1B6-3A47CB9FD8F4}" type="presParOf" srcId="{487AEF4A-E2A7-41D8-980C-55F2B362803A}" destId="{620B1BC9-2764-46BC-A98B-6312BF37923F}" srcOrd="4" destOrd="0" presId="urn:microsoft.com/office/officeart/2018/2/layout/IconCircleList"/>
    <dgm:cxn modelId="{DA426AFD-2E74-40A1-BB34-C37B9A5D19B9}" type="presParOf" srcId="{620B1BC9-2764-46BC-A98B-6312BF37923F}" destId="{35BDA565-B452-4CAA-86A4-B152307724F1}" srcOrd="0" destOrd="0" presId="urn:microsoft.com/office/officeart/2018/2/layout/IconCircleList"/>
    <dgm:cxn modelId="{1C41E65A-2DA9-4926-98B3-169C399BB231}" type="presParOf" srcId="{620B1BC9-2764-46BC-A98B-6312BF37923F}" destId="{D0466B5F-3B6B-4CB0-93DD-F6C6483A1A5D}" srcOrd="1" destOrd="0" presId="urn:microsoft.com/office/officeart/2018/2/layout/IconCircleList"/>
    <dgm:cxn modelId="{F18FB0DD-B5D2-4CBB-8447-899DF3DE703A}" type="presParOf" srcId="{620B1BC9-2764-46BC-A98B-6312BF37923F}" destId="{B10C4285-E6E1-4D48-AD48-7C7DC43A4E2C}" srcOrd="2" destOrd="0" presId="urn:microsoft.com/office/officeart/2018/2/layout/IconCircleList"/>
    <dgm:cxn modelId="{78603ACC-E941-4323-96F2-C74C362D4382}" type="presParOf" srcId="{620B1BC9-2764-46BC-A98B-6312BF37923F}" destId="{0B608DC2-85FE-4FD6-9C7D-6AE61A06040A}" srcOrd="3" destOrd="0" presId="urn:microsoft.com/office/officeart/2018/2/layout/IconCircleList"/>
    <dgm:cxn modelId="{F4F52DD4-1E9F-438C-9538-35FFE5B96F41}" type="presParOf" srcId="{487AEF4A-E2A7-41D8-980C-55F2B362803A}" destId="{22162479-DABD-443B-AF3A-40699E315B07}" srcOrd="5" destOrd="0" presId="urn:microsoft.com/office/officeart/2018/2/layout/IconCircleList"/>
    <dgm:cxn modelId="{95FA020E-3E16-4C86-A84E-0F0B59EC04B8}" type="presParOf" srcId="{487AEF4A-E2A7-41D8-980C-55F2B362803A}" destId="{824A25D1-2BC9-4D39-BA25-646208D5B8C7}" srcOrd="6" destOrd="0" presId="urn:microsoft.com/office/officeart/2018/2/layout/IconCircleList"/>
    <dgm:cxn modelId="{B223F2BA-B342-4C30-97BA-8F0D37C8571B}" type="presParOf" srcId="{824A25D1-2BC9-4D39-BA25-646208D5B8C7}" destId="{92883126-FC4B-4C3C-A7C4-E5B3D818C0CF}" srcOrd="0" destOrd="0" presId="urn:microsoft.com/office/officeart/2018/2/layout/IconCircleList"/>
    <dgm:cxn modelId="{682AC084-8269-4036-9175-728FC378CBA0}" type="presParOf" srcId="{824A25D1-2BC9-4D39-BA25-646208D5B8C7}" destId="{DA84CA26-894D-48D5-A6FC-E1B22FA1ED37}" srcOrd="1" destOrd="0" presId="urn:microsoft.com/office/officeart/2018/2/layout/IconCircleList"/>
    <dgm:cxn modelId="{95D9151C-4E2E-4A2E-8652-00E9D96210A7}" type="presParOf" srcId="{824A25D1-2BC9-4D39-BA25-646208D5B8C7}" destId="{6AAE3042-3058-4E5D-8023-0FEEFF0CAA95}" srcOrd="2" destOrd="0" presId="urn:microsoft.com/office/officeart/2018/2/layout/IconCircleList"/>
    <dgm:cxn modelId="{C01AB267-5438-423A-8EFF-9CE30108DAC8}" type="presParOf" srcId="{824A25D1-2BC9-4D39-BA25-646208D5B8C7}" destId="{DD4FFAA0-6AF5-45B8-B339-153E441A6CB2}" srcOrd="3" destOrd="0" presId="urn:microsoft.com/office/officeart/2018/2/layout/IconCircle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1B016D8-980A-4075-A6CD-7A91790A9A53}">
      <dsp:nvSpPr>
        <dsp:cNvPr id="0" name=""/>
        <dsp:cNvSpPr/>
      </dsp:nvSpPr>
      <dsp:spPr>
        <a:xfrm>
          <a:off x="0" y="730799"/>
          <a:ext cx="5286000" cy="51480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/>
            <a:t>Karolin Struck – Smartstep consulting</a:t>
          </a:r>
          <a:endParaRPr lang="en-US" sz="2000" kern="1200"/>
        </a:p>
      </dsp:txBody>
      <dsp:txXfrm>
        <a:off x="25130" y="755929"/>
        <a:ext cx="5235740" cy="464540"/>
      </dsp:txXfrm>
    </dsp:sp>
    <dsp:sp modelId="{B4A3E35C-E84C-451D-BCBD-3F1A83C05A18}">
      <dsp:nvSpPr>
        <dsp:cNvPr id="0" name=""/>
        <dsp:cNvSpPr/>
      </dsp:nvSpPr>
      <dsp:spPr>
        <a:xfrm>
          <a:off x="0" y="1303199"/>
          <a:ext cx="5286000" cy="51480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/>
            <a:t>Robert Smith – DarkPeakAnalytics</a:t>
          </a:r>
          <a:endParaRPr lang="en-US" sz="2000" kern="1200"/>
        </a:p>
      </dsp:txBody>
      <dsp:txXfrm>
        <a:off x="25130" y="1328329"/>
        <a:ext cx="5235740" cy="464540"/>
      </dsp:txXfrm>
    </dsp:sp>
    <dsp:sp modelId="{3972D771-551A-42AA-B7F4-2626C04D77E7}">
      <dsp:nvSpPr>
        <dsp:cNvPr id="0" name=""/>
        <dsp:cNvSpPr/>
      </dsp:nvSpPr>
      <dsp:spPr>
        <a:xfrm>
          <a:off x="0" y="1875599"/>
          <a:ext cx="5286000" cy="51480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/>
            <a:t>Rose Hart – DarkPeakAnalytics</a:t>
          </a:r>
          <a:endParaRPr lang="en-US" sz="2000" kern="1200"/>
        </a:p>
      </dsp:txBody>
      <dsp:txXfrm>
        <a:off x="25130" y="1900729"/>
        <a:ext cx="5235740" cy="464540"/>
      </dsp:txXfrm>
    </dsp:sp>
    <dsp:sp modelId="{5D571904-00D9-415D-91A4-A91D27F32907}">
      <dsp:nvSpPr>
        <dsp:cNvPr id="0" name=""/>
        <dsp:cNvSpPr/>
      </dsp:nvSpPr>
      <dsp:spPr>
        <a:xfrm>
          <a:off x="0" y="2448000"/>
          <a:ext cx="5286000" cy="51480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/>
            <a:t>Natalie Dennis – Daiichi Sankyo</a:t>
          </a:r>
          <a:endParaRPr lang="en-US" sz="2000" kern="1200"/>
        </a:p>
      </dsp:txBody>
      <dsp:txXfrm>
        <a:off x="25130" y="2473130"/>
        <a:ext cx="5235740" cy="464540"/>
      </dsp:txXfrm>
    </dsp:sp>
    <dsp:sp modelId="{9A2F10DA-5627-45AE-9D67-B7BD8982ECD0}">
      <dsp:nvSpPr>
        <dsp:cNvPr id="0" name=""/>
        <dsp:cNvSpPr/>
      </dsp:nvSpPr>
      <dsp:spPr>
        <a:xfrm>
          <a:off x="0" y="3020400"/>
          <a:ext cx="5286000" cy="51480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/>
            <a:t>Christian Haargaard Olsen - Novo Nordisk</a:t>
          </a:r>
          <a:endParaRPr lang="en-US" sz="2000" kern="1200"/>
        </a:p>
      </dsp:txBody>
      <dsp:txXfrm>
        <a:off x="25130" y="3045530"/>
        <a:ext cx="5235740" cy="464540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713AA7C-3FCC-42A8-95ED-1154E4610FB7}">
      <dsp:nvSpPr>
        <dsp:cNvPr id="0" name=""/>
        <dsp:cNvSpPr/>
      </dsp:nvSpPr>
      <dsp:spPr>
        <a:xfrm>
          <a:off x="276824" y="402683"/>
          <a:ext cx="1369200" cy="1369200"/>
        </a:xfrm>
        <a:prstGeom prst="ellipse">
          <a:avLst/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421D471-24C7-43BF-86D1-566397ADDFA0}">
      <dsp:nvSpPr>
        <dsp:cNvPr id="0" name=""/>
        <dsp:cNvSpPr/>
      </dsp:nvSpPr>
      <dsp:spPr>
        <a:xfrm>
          <a:off x="564356" y="690215"/>
          <a:ext cx="794136" cy="794136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4408998-FD60-4A4D-84FE-956E089E6D68}">
      <dsp:nvSpPr>
        <dsp:cNvPr id="0" name=""/>
        <dsp:cNvSpPr/>
      </dsp:nvSpPr>
      <dsp:spPr>
        <a:xfrm>
          <a:off x="1939425" y="402683"/>
          <a:ext cx="3227400" cy="13692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5778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300" kern="1200" dirty="0"/>
            <a:t>Regulatory statistics is enjoying the flourishing of a wide ecosystem of R packages to support regulatory submissions.</a:t>
          </a:r>
          <a:endParaRPr lang="en-US" sz="1300" kern="1200" dirty="0"/>
        </a:p>
      </dsp:txBody>
      <dsp:txXfrm>
        <a:off x="1939425" y="402683"/>
        <a:ext cx="3227400" cy="1369200"/>
      </dsp:txXfrm>
    </dsp:sp>
    <dsp:sp modelId="{6F7F3258-301A-4220-890C-F30961F550B7}">
      <dsp:nvSpPr>
        <dsp:cNvPr id="0" name=""/>
        <dsp:cNvSpPr/>
      </dsp:nvSpPr>
      <dsp:spPr>
        <a:xfrm>
          <a:off x="5729175" y="402683"/>
          <a:ext cx="1369200" cy="1369200"/>
        </a:xfrm>
        <a:prstGeom prst="ellipse">
          <a:avLst/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D3A99E63-A23D-46F1-B133-A033E7F9F553}">
      <dsp:nvSpPr>
        <dsp:cNvPr id="0" name=""/>
        <dsp:cNvSpPr/>
      </dsp:nvSpPr>
      <dsp:spPr>
        <a:xfrm>
          <a:off x="6016707" y="690215"/>
          <a:ext cx="794136" cy="794136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3B28F95-C656-4F66-AD5E-6FB8CD858C07}">
      <dsp:nvSpPr>
        <dsp:cNvPr id="0" name=""/>
        <dsp:cNvSpPr/>
      </dsp:nvSpPr>
      <dsp:spPr>
        <a:xfrm>
          <a:off x="7391775" y="402683"/>
          <a:ext cx="3227400" cy="13692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5778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300" kern="1200"/>
            <a:t>It is now possible to do a complete regulatory submission in R using open-source packages.</a:t>
          </a:r>
          <a:endParaRPr lang="en-US" sz="1300" kern="1200"/>
        </a:p>
      </dsp:txBody>
      <dsp:txXfrm>
        <a:off x="7391775" y="402683"/>
        <a:ext cx="3227400" cy="1369200"/>
      </dsp:txXfrm>
    </dsp:sp>
    <dsp:sp modelId="{35BDA565-B452-4CAA-86A4-B152307724F1}">
      <dsp:nvSpPr>
        <dsp:cNvPr id="0" name=""/>
        <dsp:cNvSpPr/>
      </dsp:nvSpPr>
      <dsp:spPr>
        <a:xfrm>
          <a:off x="276824" y="2497716"/>
          <a:ext cx="1369200" cy="1369200"/>
        </a:xfrm>
        <a:prstGeom prst="ellipse">
          <a:avLst/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D0466B5F-3B6B-4CB0-93DD-F6C6483A1A5D}">
      <dsp:nvSpPr>
        <dsp:cNvPr id="0" name=""/>
        <dsp:cNvSpPr/>
      </dsp:nvSpPr>
      <dsp:spPr>
        <a:xfrm>
          <a:off x="564356" y="2785248"/>
          <a:ext cx="794136" cy="794136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B608DC2-85FE-4FD6-9C7D-6AE61A06040A}">
      <dsp:nvSpPr>
        <dsp:cNvPr id="0" name=""/>
        <dsp:cNvSpPr/>
      </dsp:nvSpPr>
      <dsp:spPr>
        <a:xfrm>
          <a:off x="1939425" y="2497716"/>
          <a:ext cx="3227400" cy="13692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5778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300" kern="1200"/>
            <a:t>Our goal is to have the same possibility for HTA submissions.</a:t>
          </a:r>
          <a:endParaRPr lang="en-US" sz="1300" kern="1200"/>
        </a:p>
      </dsp:txBody>
      <dsp:txXfrm>
        <a:off x="1939425" y="2497716"/>
        <a:ext cx="3227400" cy="1369200"/>
      </dsp:txXfrm>
    </dsp:sp>
    <dsp:sp modelId="{92883126-FC4B-4C3C-A7C4-E5B3D818C0CF}">
      <dsp:nvSpPr>
        <dsp:cNvPr id="0" name=""/>
        <dsp:cNvSpPr/>
      </dsp:nvSpPr>
      <dsp:spPr>
        <a:xfrm>
          <a:off x="5729175" y="2497716"/>
          <a:ext cx="1369200" cy="1369200"/>
        </a:xfrm>
        <a:prstGeom prst="ellipse">
          <a:avLst/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DA84CA26-894D-48D5-A6FC-E1B22FA1ED37}">
      <dsp:nvSpPr>
        <dsp:cNvPr id="0" name=""/>
        <dsp:cNvSpPr/>
      </dsp:nvSpPr>
      <dsp:spPr>
        <a:xfrm>
          <a:off x="6016707" y="2785248"/>
          <a:ext cx="794136" cy="794136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D4FFAA0-6AF5-45B8-B339-153E441A6CB2}">
      <dsp:nvSpPr>
        <dsp:cNvPr id="0" name=""/>
        <dsp:cNvSpPr/>
      </dsp:nvSpPr>
      <dsp:spPr>
        <a:xfrm>
          <a:off x="7391775" y="2497716"/>
          <a:ext cx="3227400" cy="13692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l" defTabSz="5778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300" kern="1200"/>
            <a:t>However, we envision our journey there to be more direct by having a framework laid out for needed components and how they fit together as well as concerted cross-industry efforts to fill the gaps.</a:t>
          </a:r>
          <a:endParaRPr lang="en-US" sz="1300" kern="1200"/>
        </a:p>
      </dsp:txBody>
      <dsp:txXfrm>
        <a:off x="7391775" y="2497716"/>
        <a:ext cx="3227400" cy="136920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CircleList">
  <dgm:title val="Icon Circle List"/>
  <dgm:desc val="Use to show non-sequential or grouped chunks of information accompanied by related visuals. Circular shapes can hold an icon or small picture and corresponding text box shows Level 1 text. Works best for icons or small pictures with medium-length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alg type="sp"/>
    <dgm:shape xmlns:r="http://schemas.openxmlformats.org/officeDocument/2006/relationships" r:blip="">
      <dgm:adjLst/>
    </dgm:shape>
    <dgm:presOf/>
    <dgm:choose name="Name0">
      <dgm:if name="Name1" axis="ch" ptType="node" func="cnt" op="lte" val="3">
        <dgm:constrLst>
          <dgm:constr type="w" for="ch" forName="container" refType="w"/>
          <dgm:constr type="h" for="ch" forName="container" refType="h" fact="0.4"/>
        </dgm:constrLst>
      </dgm:if>
      <dgm:else name="Name2">
        <dgm:constrLst>
          <dgm:constr type="w" for="ch" forName="container" refType="w"/>
          <dgm:constr type="h" for="ch" forName="container" refType="h"/>
        </dgm:constrLst>
      </dgm:else>
    </dgm:choose>
    <dgm:ruleLst>
      <dgm:rule type="h" for="ch" forName="container" val="INF" fact="NaN" max="NaN"/>
    </dgm:ruleLst>
    <dgm:layoutNode name="container">
      <dgm:varLst>
        <dgm:dir/>
        <dgm:resizeHandles val="exact"/>
      </dgm:varLst>
      <dgm:choose name="Name3">
        <dgm:if name="Name4" axis="self" func="var" arg="dir" op="equ" val="norm">
          <dgm:alg type="snake">
            <dgm:param type="grDir" val="tL"/>
            <dgm:param type="flowDir" val="row"/>
            <dgm:param type="contDir" val="sameDir"/>
          </dgm:alg>
        </dgm:if>
        <dgm:else name="Name5">
          <dgm:alg type="snake">
            <dgm:param type="grDir" val="tR"/>
            <dgm:param type="flowDir" val="row"/>
            <dgm:param type="contDir" val="sameDi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compNode" refType="w"/>
        <dgm:constr type="h" for="ch" forName="compNode" refType="w" fact="0.28"/>
        <dgm:constr type="w" for="ch" forName="sibTrans" refType="w" refFor="ch" refForName="compNode" fact="0.115"/>
        <dgm:constr type="sp" refType="h" op="equ" fact="0.17"/>
        <dgm:constr type="primFontSz" for="des" ptType="node" op="equ" val="24"/>
        <dgm:constr type="h" for="des" forName="compNode" op="equ"/>
        <dgm:constr type="h" for="des" forName="iconBgRect" op="equ"/>
      </dgm:constrLst>
      <dgm:ruleLst>
        <dgm:rule type="w" for="ch" forName="compNode" val="60" fact="NaN" max="NaN"/>
      </dgm:ruleLst>
      <dgm:forEach name="Name6" axis="ch" ptType="node">
        <dgm:layoutNode name="compNode">
          <dgm:alg type="composite"/>
          <dgm:shape xmlns:r="http://schemas.openxmlformats.org/officeDocument/2006/relationships" r:blip="">
            <dgm:adjLst/>
          </dgm:shape>
          <dgm:presOf axis="self"/>
          <dgm:constrLst>
            <dgm:constr type="w" for="ch" forName="iconBgRect" refType="w" fact="0.28"/>
            <dgm:constr type="h" for="ch" forName="iconBgRect" refType="w" refFor="ch" refForName="iconBgRect"/>
            <dgm:constr type="t" for="ch" forName="iconBgRect"/>
            <dgm:constr type="l" for="ch" forName="iconBgRect"/>
            <dgm:constr type="w" for="ch" forName="iconRect" refType="w" refFor="ch" refForName="iconBgRect" fact="0.58"/>
            <dgm:constr type="h" for="ch" forName="iconRect" refType="w" refFor="ch" refForName="iconRect"/>
            <dgm:constr type="ctrX" for="ch" forName="iconRect" refType="ctrX" refFor="ch" refForName="iconBgRect"/>
            <dgm:constr type="ctrY" for="ch" forName="iconRect" refType="ctrY" refFor="ch" refForName="iconBgRect"/>
            <dgm:constr type="w" for="ch" forName="spaceRect" refType="w" fact="0.06"/>
            <dgm:constr type="h" for="ch" forName="spaceRect" refType="h" refFor="ch" refForName="iconBgRect"/>
            <dgm:constr type="t" for="ch" forName="spaceRect" refType="t" refFor="ch" refForName="iconBgRect"/>
            <dgm:constr type="l" for="ch" forName="spaceRect" refType="r" refFor="ch" refForName="iconBgRect"/>
            <dgm:constr type="h" for="ch" forName="textRect" refType="h" refFor="ch" refForName="iconBgRect"/>
            <dgm:constr type="t" for="ch" forName="textRect" refType="t" refFor="ch" refForName="iconBgRect"/>
            <dgm:constr type="l" for="ch" forName="textRect" refType="r" refFor="ch" refForName="spaceRect"/>
          </dgm:constrLst>
          <dgm:ruleLst/>
          <dgm:layoutNode name="iconBgRect" styleLbl="bgShp">
            <dgm:alg type="sp"/>
            <dgm:shape xmlns:r="http://schemas.openxmlformats.org/officeDocument/2006/relationships" type="ellipse" r:blip="">
              <dgm:adjLst/>
            </dgm:shape>
            <dgm:presOf/>
            <dgm:constrLst/>
            <dgm:ruleLst/>
          </dgm:layoutNode>
          <dgm:layoutNode name="iconRect" styleLbl="node1">
            <dgm:alg type="sp"/>
            <dgm:shape xmlns:r="http://schemas.openxmlformats.org/officeDocument/2006/relationships" type="rect" r:blip="" blipPhldr="1">
              <dgm:adjLst/>
            </dgm:shape>
            <dgm:presOf/>
            <dgm:constrLst/>
            <dgm:ruleLst/>
          </dgm:layoutNode>
          <dgm:layoutNode name="spaceRect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  <dgm:layoutNode name="textRect" styleLbl="revTx">
            <dgm:varLst>
              <dgm:chMax val="1"/>
              <dgm:chPref val="1"/>
            </dgm:varLst>
            <dgm:choose name="Name7">
              <dgm:if name="Name8" func="var" arg="dir" op="equ" val="norm">
                <dgm:alg type="tx">
                  <dgm:param type="txAnchorVert" val="mid"/>
                  <dgm:param type="parTxLTRAlign" val="l"/>
                  <dgm:param type="shpTxLTRAlignCh" val="l"/>
                  <dgm:param type="parTxRTLAlign" val="l"/>
                  <dgm:param type="shpTxRTLAlignCh" val="l"/>
                </dgm:alg>
              </dgm:if>
              <dgm:else name="Name9">
                <dgm:alg type="tx">
                  <dgm:param type="txAnchorVert" val="mid"/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self" ptType="node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11" fact="NaN" max="NaN"/>
            </dgm:ruleLst>
          </dgm:layoutNode>
        </dgm:layoutNode>
        <dgm:forEach name="Name10" axis="followSib" ptType="sibTrans" cnt="1">
          <dgm:layoutNode name="sibTrans">
            <dgm:alg type="sp"/>
            <dgm:shape xmlns:r="http://schemas.openxmlformats.org/officeDocument/2006/relationships" type="rect" r:blip="" hideGeom="1">
              <dgm:adjLst/>
            </dgm:shape>
            <dgm:presOf axis="self"/>
            <dgm:constrLst/>
            <dgm:ruleLst/>
          </dgm:layoutNode>
        </dgm:forEach>
      </dgm:forEach>
    </dgm:layoutNode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0-Mar-2025</a:t>
            </a:fld>
            <a:endParaRPr lang="en-GB" dirty="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5-03-20T11:54:23.832"/>
    </inkml:context>
    <inkml:brush xml:id="br0">
      <inkml:brushProperty name="width" value="0.3" units="cm"/>
      <inkml:brushProperty name="height" value="0.6" units="cm"/>
      <inkml:brushProperty name="color" value="#FFFC00"/>
      <inkml:brushProperty name="tip" value="rectangle"/>
      <inkml:brushProperty name="rasterOp" value="maskPen"/>
      <inkml:brushProperty name="ignorePressure" value="1"/>
    </inkml:brush>
  </inkml:definitions>
  <inkml:trace contextRef="#ctx0" brushRef="#br0">1 110,'621'-2,"863"9,-853 19,-4 43,-548-61,1-3,93-6,-55-1,2475 2,-2055 15,-314-5,266 16,70 2,-193-27,7 1,-84 26,-113-8,436 15,-417-35,405-5,-5-47,-544 42,55-19,21-5,-61 18,29-5,-31 10,-33 5,61-5,-63 9,0-2,0-1,33-11,34-5,-77 18,63-11,116-3,-164 15,-1-2,0-2,0-1,49-17,19-4,73 1,-129 19,-25 6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5-03-20T11:54:32.372"/>
    </inkml:context>
    <inkml:brush xml:id="br0">
      <inkml:brushProperty name="width" value="0.3" units="cm"/>
      <inkml:brushProperty name="height" value="0.6" units="cm"/>
      <inkml:brushProperty name="color" value="#FFFC00"/>
      <inkml:brushProperty name="tip" value="rectangle"/>
      <inkml:brushProperty name="rasterOp" value="maskPen"/>
      <inkml:brushProperty name="ignorePressure" value="1"/>
    </inkml:brush>
  </inkml:definitions>
  <inkml:trace contextRef="#ctx0" brushRef="#br0">1 243,'283'22,"-161"-8,702 31,-4-41,-546-5,1787 0,-1716 26,-87-1,594-17,-493-9,1025-14,-545-17,-631 21,780-54,-792 44,-153 14,0-1,59-22,153-47,-210 68,0 3,1 1,84 1,900 10,-570-8,152 3,-577-2,-1-1,0-2,43-12,-42 8,1 2,69-5,-49 9,59-12,-100 13,9-2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5-03-20T11:54:34.560"/>
    </inkml:context>
    <inkml:brush xml:id="br0">
      <inkml:brushProperty name="width" value="0.3" units="cm"/>
      <inkml:brushProperty name="height" value="0.6" units="cm"/>
      <inkml:brushProperty name="color" value="#FFFC00"/>
      <inkml:brushProperty name="tip" value="rectangle"/>
      <inkml:brushProperty name="rasterOp" value="maskPen"/>
      <inkml:brushProperty name="ignorePressure" value="1"/>
    </inkml:brush>
  </inkml:definitions>
  <inkml:trace contextRef="#ctx0" brushRef="#br0">1 204,'9'7,"1"0,0-1,0 0,0-1,1 0,0-1,0 0,0 0,0-2,14 3,-7-1,74 16,134 11,96-12,-205-13,1064 26,-5-32,-649-2,604-41,-256 28,-587 17,-70-15,-29 1,671 8,-485 6,-17-32,-138 7,-138 19,47-5,-46-2,173-33,-176 27,94-8,0 1,-142 16,33-12,-45 13,1 1,1 0,-1 1,35-2,84-7,11-1,-103 10,-31-1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5-03-20T11:54:35.978"/>
    </inkml:context>
    <inkml:brush xml:id="br0">
      <inkml:brushProperty name="width" value="0.3" units="cm"/>
      <inkml:brushProperty name="height" value="0.6" units="cm"/>
      <inkml:brushProperty name="color" value="#FFFC00"/>
      <inkml:brushProperty name="tip" value="rectangle"/>
      <inkml:brushProperty name="rasterOp" value="maskPen"/>
      <inkml:brushProperty name="ignorePressure" value="1"/>
    </inkml:brush>
  </inkml:definitions>
  <inkml:trace contextRef="#ctx0" brushRef="#br0">1 68,'31'0,"667"22,254 12,-840-32,-63 0,-1-1,1-3,0-2,61-13,10-20,-107 33,0 0,0-1,16-9,-16 8,1-1,25-7,-14 7,-3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 note</a:t>
            </a:r>
          </a:p>
          <a:p>
            <a:pPr lvl="6"/>
            <a:r>
              <a:rPr lang="en-US" dirty="0"/>
              <a:t>7 level</a:t>
            </a:r>
          </a:p>
          <a:p>
            <a:pPr lvl="7"/>
            <a:r>
              <a:rPr lang="en-US" dirty="0"/>
              <a:t>8 level</a:t>
            </a:r>
          </a:p>
          <a:p>
            <a:pPr lvl="8"/>
            <a:r>
              <a:rPr lang="en-US" dirty="0"/>
              <a:t>9 header	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20-Mar-2025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0" indent="-179388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0" indent="0" algn="l" defTabSz="914400" rtl="0" eaLnBrk="1" latinLnBrk="0" hangingPunct="1">
      <a:buFont typeface="Arial" panose="020B0604020202020204" pitchFamily="34" charset="0"/>
      <a:buChar char="​"/>
      <a:defRPr sz="1400" b="1" kern="1200">
        <a:solidFill>
          <a:schemeClr val="tx1"/>
        </a:solidFill>
        <a:latin typeface="+mn-lt"/>
        <a:ea typeface="+mn-ea"/>
        <a:cs typeface="+mn-cs"/>
      </a:defRPr>
    </a:lvl4pPr>
    <a:lvl5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indent="-2286000" algn="l" defTabSz="914400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6pPr>
    <a:lvl7pPr marL="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7pPr>
    <a:lvl8pPr marL="18000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8pPr>
    <a:lvl9pPr marL="0" indent="0" algn="l" defTabSz="914400" rtl="0" eaLnBrk="1" latinLnBrk="0" hangingPunct="1">
      <a:buFont typeface="Arial" panose="020B0604020202020204" pitchFamily="34" charset="0"/>
      <a:buChar char="​"/>
      <a:defRPr sz="800" b="1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4129064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189878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8306D86-6695-67D1-8AEE-ABBBB0DF5A2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5200F8-A086-ED26-65F2-68375296F5D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4F76D7-21B3-860B-7CAD-1C07ADA1EDB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68342EB-EE60-377A-EF0F-ED36CCF4C8D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346683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l"/>
            <a:r>
              <a:rPr lang="en-US" err="1"/>
              <a:t>chefStats</a:t>
            </a:r>
            <a:r>
              <a:rPr lang="en-US"/>
              <a:t> package as the library of statistical methods.</a:t>
            </a:r>
          </a:p>
          <a:p>
            <a:pPr algn="l"/>
            <a:endParaRPr lang="en-US"/>
          </a:p>
          <a:p>
            <a:pPr algn="l"/>
            <a:r>
              <a:rPr lang="en-US"/>
              <a:t>Here we’ll look at how these methods interface with the core chef package, and how user’s can add their own functions</a:t>
            </a:r>
          </a:p>
          <a:p>
            <a:pPr algn="l"/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00497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880DF523-34A7-40E1-AE82-7A0D359468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1999" cy="6858000"/>
          </a:xfrm>
          <a:custGeom>
            <a:avLst/>
            <a:gdLst>
              <a:gd name="connsiteX0" fmla="*/ 11666200 w 12191999"/>
              <a:gd name="connsiteY0" fmla="*/ 756760 h 6858000"/>
              <a:gd name="connsiteX1" fmla="*/ 11678975 w 12191999"/>
              <a:gd name="connsiteY1" fmla="*/ 761119 h 6858000"/>
              <a:gd name="connsiteX2" fmla="*/ 11678975 w 12191999"/>
              <a:gd name="connsiteY2" fmla="*/ 808195 h 6858000"/>
              <a:gd name="connsiteX3" fmla="*/ 11678845 w 12191999"/>
              <a:gd name="connsiteY3" fmla="*/ 808195 h 6858000"/>
              <a:gd name="connsiteX4" fmla="*/ 11667095 w 12191999"/>
              <a:gd name="connsiteY4" fmla="*/ 813579 h 6858000"/>
              <a:gd name="connsiteX5" fmla="*/ 11644998 w 12191999"/>
              <a:gd name="connsiteY5" fmla="*/ 784080 h 6858000"/>
              <a:gd name="connsiteX6" fmla="*/ 11666200 w 12191999"/>
              <a:gd name="connsiteY6" fmla="*/ 756760 h 6858000"/>
              <a:gd name="connsiteX7" fmla="*/ 11553608 w 12191999"/>
              <a:gd name="connsiteY7" fmla="*/ 755951 h 6858000"/>
              <a:gd name="connsiteX8" fmla="*/ 11565369 w 12191999"/>
              <a:gd name="connsiteY8" fmla="*/ 760439 h 6858000"/>
              <a:gd name="connsiteX9" fmla="*/ 11571638 w 12191999"/>
              <a:gd name="connsiteY9" fmla="*/ 784954 h 6858000"/>
              <a:gd name="connsiteX10" fmla="*/ 11565369 w 12191999"/>
              <a:gd name="connsiteY10" fmla="*/ 809339 h 6858000"/>
              <a:gd name="connsiteX11" fmla="*/ 11553608 w 12191999"/>
              <a:gd name="connsiteY11" fmla="*/ 813698 h 6858000"/>
              <a:gd name="connsiteX12" fmla="*/ 11542106 w 12191999"/>
              <a:gd name="connsiteY12" fmla="*/ 809339 h 6858000"/>
              <a:gd name="connsiteX13" fmla="*/ 11535837 w 12191999"/>
              <a:gd name="connsiteY13" fmla="*/ 784954 h 6858000"/>
              <a:gd name="connsiteX14" fmla="*/ 11542106 w 12191999"/>
              <a:gd name="connsiteY14" fmla="*/ 760439 h 6858000"/>
              <a:gd name="connsiteX15" fmla="*/ 11553608 w 12191999"/>
              <a:gd name="connsiteY15" fmla="*/ 755951 h 6858000"/>
              <a:gd name="connsiteX16" fmla="*/ 11389948 w 12191999"/>
              <a:gd name="connsiteY16" fmla="*/ 755951 h 6858000"/>
              <a:gd name="connsiteX17" fmla="*/ 11401504 w 12191999"/>
              <a:gd name="connsiteY17" fmla="*/ 760439 h 6858000"/>
              <a:gd name="connsiteX18" fmla="*/ 11407795 w 12191999"/>
              <a:gd name="connsiteY18" fmla="*/ 784954 h 6858000"/>
              <a:gd name="connsiteX19" fmla="*/ 11401504 w 12191999"/>
              <a:gd name="connsiteY19" fmla="*/ 809339 h 6858000"/>
              <a:gd name="connsiteX20" fmla="*/ 11389948 w 12191999"/>
              <a:gd name="connsiteY20" fmla="*/ 813698 h 6858000"/>
              <a:gd name="connsiteX21" fmla="*/ 11378133 w 12191999"/>
              <a:gd name="connsiteY21" fmla="*/ 809339 h 6858000"/>
              <a:gd name="connsiteX22" fmla="*/ 11371843 w 12191999"/>
              <a:gd name="connsiteY22" fmla="*/ 784954 h 6858000"/>
              <a:gd name="connsiteX23" fmla="*/ 11378133 w 12191999"/>
              <a:gd name="connsiteY23" fmla="*/ 760439 h 6858000"/>
              <a:gd name="connsiteX24" fmla="*/ 11389948 w 12191999"/>
              <a:gd name="connsiteY24" fmla="*/ 755951 h 6858000"/>
              <a:gd name="connsiteX25" fmla="*/ 11267462 w 12191999"/>
              <a:gd name="connsiteY25" fmla="*/ 755951 h 6858000"/>
              <a:gd name="connsiteX26" fmla="*/ 11279148 w 12191999"/>
              <a:gd name="connsiteY26" fmla="*/ 760439 h 6858000"/>
              <a:gd name="connsiteX27" fmla="*/ 11285438 w 12191999"/>
              <a:gd name="connsiteY27" fmla="*/ 784954 h 6858000"/>
              <a:gd name="connsiteX28" fmla="*/ 11279148 w 12191999"/>
              <a:gd name="connsiteY28" fmla="*/ 809339 h 6858000"/>
              <a:gd name="connsiteX29" fmla="*/ 11267462 w 12191999"/>
              <a:gd name="connsiteY29" fmla="*/ 813698 h 6858000"/>
              <a:gd name="connsiteX30" fmla="*/ 11255907 w 12191999"/>
              <a:gd name="connsiteY30" fmla="*/ 809339 h 6858000"/>
              <a:gd name="connsiteX31" fmla="*/ 11249616 w 12191999"/>
              <a:gd name="connsiteY31" fmla="*/ 784954 h 6858000"/>
              <a:gd name="connsiteX32" fmla="*/ 11255907 w 12191999"/>
              <a:gd name="connsiteY32" fmla="*/ 760439 h 6858000"/>
              <a:gd name="connsiteX33" fmla="*/ 11267462 w 12191999"/>
              <a:gd name="connsiteY33" fmla="*/ 755951 h 6858000"/>
              <a:gd name="connsiteX34" fmla="*/ 11708668 w 12191999"/>
              <a:gd name="connsiteY34" fmla="*/ 750005 h 6858000"/>
              <a:gd name="connsiteX35" fmla="*/ 11706381 w 12191999"/>
              <a:gd name="connsiteY35" fmla="*/ 752433 h 6858000"/>
              <a:gd name="connsiteX36" fmla="*/ 11706381 w 12191999"/>
              <a:gd name="connsiteY36" fmla="*/ 817032 h 6858000"/>
              <a:gd name="connsiteX37" fmla="*/ 11708420 w 12191999"/>
              <a:gd name="connsiteY37" fmla="*/ 819459 h 6858000"/>
              <a:gd name="connsiteX38" fmla="*/ 11715671 w 12191999"/>
              <a:gd name="connsiteY38" fmla="*/ 819459 h 6858000"/>
              <a:gd name="connsiteX39" fmla="*/ 11718206 w 12191999"/>
              <a:gd name="connsiteY39" fmla="*/ 817032 h 6858000"/>
              <a:gd name="connsiteX40" fmla="*/ 11718206 w 12191999"/>
              <a:gd name="connsiteY40" fmla="*/ 752433 h 6858000"/>
              <a:gd name="connsiteX41" fmla="*/ 11715660 w 12191999"/>
              <a:gd name="connsiteY41" fmla="*/ 750005 h 6858000"/>
              <a:gd name="connsiteX42" fmla="*/ 11708668 w 12191999"/>
              <a:gd name="connsiteY42" fmla="*/ 750005 h 6858000"/>
              <a:gd name="connsiteX43" fmla="*/ 11826514 w 12191999"/>
              <a:gd name="connsiteY43" fmla="*/ 749671 h 6858000"/>
              <a:gd name="connsiteX44" fmla="*/ 11822404 w 12191999"/>
              <a:gd name="connsiteY44" fmla="*/ 751851 h 6858000"/>
              <a:gd name="connsiteX45" fmla="*/ 11798623 w 12191999"/>
              <a:gd name="connsiteY45" fmla="*/ 781695 h 6858000"/>
              <a:gd name="connsiteX46" fmla="*/ 11798105 w 12191999"/>
              <a:gd name="connsiteY46" fmla="*/ 782461 h 6858000"/>
              <a:gd name="connsiteX47" fmla="*/ 11798234 w 12191999"/>
              <a:gd name="connsiteY47" fmla="*/ 783227 h 6858000"/>
              <a:gd name="connsiteX48" fmla="*/ 11822145 w 12191999"/>
              <a:gd name="connsiteY48" fmla="*/ 817420 h 6858000"/>
              <a:gd name="connsiteX49" fmla="*/ 11826126 w 12191999"/>
              <a:gd name="connsiteY49" fmla="*/ 819470 h 6858000"/>
              <a:gd name="connsiteX50" fmla="*/ 11835254 w 12191999"/>
              <a:gd name="connsiteY50" fmla="*/ 819470 h 6858000"/>
              <a:gd name="connsiteX51" fmla="*/ 11837175 w 12191999"/>
              <a:gd name="connsiteY51" fmla="*/ 817798 h 6858000"/>
              <a:gd name="connsiteX52" fmla="*/ 11836279 w 12191999"/>
              <a:gd name="connsiteY52" fmla="*/ 816136 h 6858000"/>
              <a:gd name="connsiteX53" fmla="*/ 11810826 w 12191999"/>
              <a:gd name="connsiteY53" fmla="*/ 782450 h 6858000"/>
              <a:gd name="connsiteX54" fmla="*/ 11810567 w 12191999"/>
              <a:gd name="connsiteY54" fmla="*/ 782192 h 6858000"/>
              <a:gd name="connsiteX55" fmla="*/ 11834607 w 12191999"/>
              <a:gd name="connsiteY55" fmla="*/ 753890 h 6858000"/>
              <a:gd name="connsiteX56" fmla="*/ 11835254 w 12191999"/>
              <a:gd name="connsiteY56" fmla="*/ 751203 h 6858000"/>
              <a:gd name="connsiteX57" fmla="*/ 11832816 w 12191999"/>
              <a:gd name="connsiteY57" fmla="*/ 749671 h 6858000"/>
              <a:gd name="connsiteX58" fmla="*/ 11826514 w 12191999"/>
              <a:gd name="connsiteY58" fmla="*/ 749671 h 6858000"/>
              <a:gd name="connsiteX59" fmla="*/ 11301634 w 12191999"/>
              <a:gd name="connsiteY59" fmla="*/ 749671 h 6858000"/>
              <a:gd name="connsiteX60" fmla="*/ 11299832 w 12191999"/>
              <a:gd name="connsiteY60" fmla="*/ 751462 h 6858000"/>
              <a:gd name="connsiteX61" fmla="*/ 11300350 w 12191999"/>
              <a:gd name="connsiteY61" fmla="*/ 753383 h 6858000"/>
              <a:gd name="connsiteX62" fmla="*/ 11324605 w 12191999"/>
              <a:gd name="connsiteY62" fmla="*/ 817399 h 6858000"/>
              <a:gd name="connsiteX63" fmla="*/ 11326785 w 12191999"/>
              <a:gd name="connsiteY63" fmla="*/ 819449 h 6858000"/>
              <a:gd name="connsiteX64" fmla="*/ 11332050 w 12191999"/>
              <a:gd name="connsiteY64" fmla="*/ 819449 h 6858000"/>
              <a:gd name="connsiteX65" fmla="*/ 11334489 w 12191999"/>
              <a:gd name="connsiteY65" fmla="*/ 817399 h 6858000"/>
              <a:gd name="connsiteX66" fmla="*/ 11358108 w 12191999"/>
              <a:gd name="connsiteY66" fmla="*/ 753135 h 6858000"/>
              <a:gd name="connsiteX67" fmla="*/ 11358366 w 12191999"/>
              <a:gd name="connsiteY67" fmla="*/ 751085 h 6858000"/>
              <a:gd name="connsiteX68" fmla="*/ 11356694 w 12191999"/>
              <a:gd name="connsiteY68" fmla="*/ 749671 h 6858000"/>
              <a:gd name="connsiteX69" fmla="*/ 11350015 w 12191999"/>
              <a:gd name="connsiteY69" fmla="*/ 749671 h 6858000"/>
              <a:gd name="connsiteX70" fmla="*/ 11348343 w 12191999"/>
              <a:gd name="connsiteY70" fmla="*/ 751592 h 6858000"/>
              <a:gd name="connsiteX71" fmla="*/ 11330885 w 12191999"/>
              <a:gd name="connsiteY71" fmla="*/ 802908 h 6858000"/>
              <a:gd name="connsiteX72" fmla="*/ 11312920 w 12191999"/>
              <a:gd name="connsiteY72" fmla="*/ 751851 h 6858000"/>
              <a:gd name="connsiteX73" fmla="*/ 11309845 w 12191999"/>
              <a:gd name="connsiteY73" fmla="*/ 749671 h 6858000"/>
              <a:gd name="connsiteX74" fmla="*/ 11301634 w 12191999"/>
              <a:gd name="connsiteY74" fmla="*/ 749671 h 6858000"/>
              <a:gd name="connsiteX75" fmla="*/ 11754223 w 12191999"/>
              <a:gd name="connsiteY75" fmla="*/ 748506 h 6858000"/>
              <a:gd name="connsiteX76" fmla="*/ 11731241 w 12191999"/>
              <a:gd name="connsiteY76" fmla="*/ 767625 h 6858000"/>
              <a:gd name="connsiteX77" fmla="*/ 11749346 w 12191999"/>
              <a:gd name="connsiteY77" fmla="*/ 788417 h 6858000"/>
              <a:gd name="connsiteX78" fmla="*/ 11764236 w 12191999"/>
              <a:gd name="connsiteY78" fmla="*/ 801894 h 6858000"/>
              <a:gd name="connsiteX79" fmla="*/ 11750500 w 12191999"/>
              <a:gd name="connsiteY79" fmla="*/ 813698 h 6858000"/>
              <a:gd name="connsiteX80" fmla="*/ 11733679 w 12191999"/>
              <a:gd name="connsiteY80" fmla="*/ 806641 h 6858000"/>
              <a:gd name="connsiteX81" fmla="*/ 11728673 w 12191999"/>
              <a:gd name="connsiteY81" fmla="*/ 811130 h 6858000"/>
              <a:gd name="connsiteX82" fmla="*/ 11750241 w 12191999"/>
              <a:gd name="connsiteY82" fmla="*/ 821402 h 6858000"/>
              <a:gd name="connsiteX83" fmla="*/ 11774896 w 12191999"/>
              <a:gd name="connsiteY83" fmla="*/ 800610 h 6858000"/>
              <a:gd name="connsiteX84" fmla="*/ 11741901 w 12191999"/>
              <a:gd name="connsiteY84" fmla="*/ 766471 h 6858000"/>
              <a:gd name="connsiteX85" fmla="*/ 11753457 w 12191999"/>
              <a:gd name="connsiteY85" fmla="*/ 756199 h 6858000"/>
              <a:gd name="connsiteX86" fmla="*/ 11767322 w 12191999"/>
              <a:gd name="connsiteY86" fmla="*/ 761335 h 6858000"/>
              <a:gd name="connsiteX87" fmla="*/ 11772328 w 12191999"/>
              <a:gd name="connsiteY87" fmla="*/ 756587 h 6858000"/>
              <a:gd name="connsiteX88" fmla="*/ 11754223 w 12191999"/>
              <a:gd name="connsiteY88" fmla="*/ 748506 h 6858000"/>
              <a:gd name="connsiteX89" fmla="*/ 11614257 w 12191999"/>
              <a:gd name="connsiteY89" fmla="*/ 748117 h 6858000"/>
              <a:gd name="connsiteX90" fmla="*/ 11599001 w 12191999"/>
              <a:gd name="connsiteY90" fmla="*/ 750167 h 6858000"/>
              <a:gd name="connsiteX91" fmla="*/ 11592721 w 12191999"/>
              <a:gd name="connsiteY91" fmla="*/ 755659 h 6858000"/>
              <a:gd name="connsiteX92" fmla="*/ 11592721 w 12191999"/>
              <a:gd name="connsiteY92" fmla="*/ 816902 h 6858000"/>
              <a:gd name="connsiteX93" fmla="*/ 11595418 w 12191999"/>
              <a:gd name="connsiteY93" fmla="*/ 819071 h 6858000"/>
              <a:gd name="connsiteX94" fmla="*/ 11602216 w 12191999"/>
              <a:gd name="connsiteY94" fmla="*/ 819071 h 6858000"/>
              <a:gd name="connsiteX95" fmla="*/ 11604654 w 12191999"/>
              <a:gd name="connsiteY95" fmla="*/ 816902 h 6858000"/>
              <a:gd name="connsiteX96" fmla="*/ 11604654 w 12191999"/>
              <a:gd name="connsiteY96" fmla="*/ 760774 h 6858000"/>
              <a:gd name="connsiteX97" fmla="*/ 11611452 w 12191999"/>
              <a:gd name="connsiteY97" fmla="*/ 754764 h 6858000"/>
              <a:gd name="connsiteX98" fmla="*/ 11625943 w 12191999"/>
              <a:gd name="connsiteY98" fmla="*/ 761033 h 6858000"/>
              <a:gd name="connsiteX99" fmla="*/ 11631823 w 12191999"/>
              <a:gd name="connsiteY99" fmla="*/ 755152 h 6858000"/>
              <a:gd name="connsiteX100" fmla="*/ 11614257 w 12191999"/>
              <a:gd name="connsiteY100" fmla="*/ 748117 h 6858000"/>
              <a:gd name="connsiteX101" fmla="*/ 11553619 w 12191999"/>
              <a:gd name="connsiteY101" fmla="*/ 748117 h 6858000"/>
              <a:gd name="connsiteX102" fmla="*/ 11536236 w 12191999"/>
              <a:gd name="connsiteY102" fmla="*/ 753124 h 6858000"/>
              <a:gd name="connsiteX103" fmla="*/ 11523450 w 12191999"/>
              <a:gd name="connsiteY103" fmla="*/ 784954 h 6858000"/>
              <a:gd name="connsiteX104" fmla="*/ 11536236 w 12191999"/>
              <a:gd name="connsiteY104" fmla="*/ 816654 h 6858000"/>
              <a:gd name="connsiteX105" fmla="*/ 11553619 w 12191999"/>
              <a:gd name="connsiteY105" fmla="*/ 821531 h 6858000"/>
              <a:gd name="connsiteX106" fmla="*/ 11571001 w 12191999"/>
              <a:gd name="connsiteY106" fmla="*/ 816654 h 6858000"/>
              <a:gd name="connsiteX107" fmla="*/ 11583917 w 12191999"/>
              <a:gd name="connsiteY107" fmla="*/ 784954 h 6858000"/>
              <a:gd name="connsiteX108" fmla="*/ 11571001 w 12191999"/>
              <a:gd name="connsiteY108" fmla="*/ 753124 h 6858000"/>
              <a:gd name="connsiteX109" fmla="*/ 11553619 w 12191999"/>
              <a:gd name="connsiteY109" fmla="*/ 748117 h 6858000"/>
              <a:gd name="connsiteX110" fmla="*/ 11486031 w 12191999"/>
              <a:gd name="connsiteY110" fmla="*/ 748117 h 6858000"/>
              <a:gd name="connsiteX111" fmla="*/ 11465229 w 12191999"/>
              <a:gd name="connsiteY111" fmla="*/ 751452 h 6858000"/>
              <a:gd name="connsiteX112" fmla="*/ 11459230 w 12191999"/>
              <a:gd name="connsiteY112" fmla="*/ 756965 h 6858000"/>
              <a:gd name="connsiteX113" fmla="*/ 11459230 w 12191999"/>
              <a:gd name="connsiteY113" fmla="*/ 817010 h 6858000"/>
              <a:gd name="connsiteX114" fmla="*/ 11461787 w 12191999"/>
              <a:gd name="connsiteY114" fmla="*/ 819449 h 6858000"/>
              <a:gd name="connsiteX115" fmla="*/ 11468422 w 12191999"/>
              <a:gd name="connsiteY115" fmla="*/ 819449 h 6858000"/>
              <a:gd name="connsiteX116" fmla="*/ 11471228 w 12191999"/>
              <a:gd name="connsiteY116" fmla="*/ 816751 h 6858000"/>
              <a:gd name="connsiteX117" fmla="*/ 11471228 w 12191999"/>
              <a:gd name="connsiteY117" fmla="*/ 761454 h 6858000"/>
              <a:gd name="connsiteX118" fmla="*/ 11485654 w 12191999"/>
              <a:gd name="connsiteY118" fmla="*/ 755422 h 6858000"/>
              <a:gd name="connsiteX119" fmla="*/ 11501223 w 12191999"/>
              <a:gd name="connsiteY119" fmla="*/ 771844 h 6858000"/>
              <a:gd name="connsiteX120" fmla="*/ 11501223 w 12191999"/>
              <a:gd name="connsiteY120" fmla="*/ 816751 h 6858000"/>
              <a:gd name="connsiteX121" fmla="*/ 11504288 w 12191999"/>
              <a:gd name="connsiteY121" fmla="*/ 819449 h 6858000"/>
              <a:gd name="connsiteX122" fmla="*/ 11511690 w 12191999"/>
              <a:gd name="connsiteY122" fmla="*/ 819449 h 6858000"/>
              <a:gd name="connsiteX123" fmla="*/ 11512963 w 12191999"/>
              <a:gd name="connsiteY123" fmla="*/ 816762 h 6858000"/>
              <a:gd name="connsiteX124" fmla="*/ 11512963 w 12191999"/>
              <a:gd name="connsiteY124" fmla="*/ 770312 h 6858000"/>
              <a:gd name="connsiteX125" fmla="*/ 11486031 w 12191999"/>
              <a:gd name="connsiteY125" fmla="*/ 748117 h 6858000"/>
              <a:gd name="connsiteX126" fmla="*/ 11389700 w 12191999"/>
              <a:gd name="connsiteY126" fmla="*/ 748117 h 6858000"/>
              <a:gd name="connsiteX127" fmla="*/ 11372242 w 12191999"/>
              <a:gd name="connsiteY127" fmla="*/ 753124 h 6858000"/>
              <a:gd name="connsiteX128" fmla="*/ 11359402 w 12191999"/>
              <a:gd name="connsiteY128" fmla="*/ 784954 h 6858000"/>
              <a:gd name="connsiteX129" fmla="*/ 11372242 w 12191999"/>
              <a:gd name="connsiteY129" fmla="*/ 816654 h 6858000"/>
              <a:gd name="connsiteX130" fmla="*/ 11389700 w 12191999"/>
              <a:gd name="connsiteY130" fmla="*/ 821531 h 6858000"/>
              <a:gd name="connsiteX131" fmla="*/ 11407158 w 12191999"/>
              <a:gd name="connsiteY131" fmla="*/ 816654 h 6858000"/>
              <a:gd name="connsiteX132" fmla="*/ 11420127 w 12191999"/>
              <a:gd name="connsiteY132" fmla="*/ 784954 h 6858000"/>
              <a:gd name="connsiteX133" fmla="*/ 11407158 w 12191999"/>
              <a:gd name="connsiteY133" fmla="*/ 753124 h 6858000"/>
              <a:gd name="connsiteX134" fmla="*/ 11389700 w 12191999"/>
              <a:gd name="connsiteY134" fmla="*/ 748117 h 6858000"/>
              <a:gd name="connsiteX135" fmla="*/ 11267473 w 12191999"/>
              <a:gd name="connsiteY135" fmla="*/ 748117 h 6858000"/>
              <a:gd name="connsiteX136" fmla="*/ 11250015 w 12191999"/>
              <a:gd name="connsiteY136" fmla="*/ 753124 h 6858000"/>
              <a:gd name="connsiteX137" fmla="*/ 11237046 w 12191999"/>
              <a:gd name="connsiteY137" fmla="*/ 784954 h 6858000"/>
              <a:gd name="connsiteX138" fmla="*/ 11250015 w 12191999"/>
              <a:gd name="connsiteY138" fmla="*/ 816654 h 6858000"/>
              <a:gd name="connsiteX139" fmla="*/ 11267473 w 12191999"/>
              <a:gd name="connsiteY139" fmla="*/ 821531 h 6858000"/>
              <a:gd name="connsiteX140" fmla="*/ 11284931 w 12191999"/>
              <a:gd name="connsiteY140" fmla="*/ 816654 h 6858000"/>
              <a:gd name="connsiteX141" fmla="*/ 11297771 w 12191999"/>
              <a:gd name="connsiteY141" fmla="*/ 784954 h 6858000"/>
              <a:gd name="connsiteX142" fmla="*/ 11284931 w 12191999"/>
              <a:gd name="connsiteY142" fmla="*/ 753124 h 6858000"/>
              <a:gd name="connsiteX143" fmla="*/ 11267473 w 12191999"/>
              <a:gd name="connsiteY143" fmla="*/ 748117 h 6858000"/>
              <a:gd name="connsiteX144" fmla="*/ 11199756 w 12191999"/>
              <a:gd name="connsiteY144" fmla="*/ 748117 h 6858000"/>
              <a:gd name="connsiteX145" fmla="*/ 11178857 w 12191999"/>
              <a:gd name="connsiteY145" fmla="*/ 751452 h 6858000"/>
              <a:gd name="connsiteX146" fmla="*/ 11172825 w 12191999"/>
              <a:gd name="connsiteY146" fmla="*/ 756965 h 6858000"/>
              <a:gd name="connsiteX147" fmla="*/ 11172825 w 12191999"/>
              <a:gd name="connsiteY147" fmla="*/ 817010 h 6858000"/>
              <a:gd name="connsiteX148" fmla="*/ 11175263 w 12191999"/>
              <a:gd name="connsiteY148" fmla="*/ 819449 h 6858000"/>
              <a:gd name="connsiteX149" fmla="*/ 11181932 w 12191999"/>
              <a:gd name="connsiteY149" fmla="*/ 819449 h 6858000"/>
              <a:gd name="connsiteX150" fmla="*/ 11184748 w 12191999"/>
              <a:gd name="connsiteY150" fmla="*/ 816751 h 6858000"/>
              <a:gd name="connsiteX151" fmla="*/ 11184748 w 12191999"/>
              <a:gd name="connsiteY151" fmla="*/ 761454 h 6858000"/>
              <a:gd name="connsiteX152" fmla="*/ 11199238 w 12191999"/>
              <a:gd name="connsiteY152" fmla="*/ 755422 h 6858000"/>
              <a:gd name="connsiteX153" fmla="*/ 11214884 w 12191999"/>
              <a:gd name="connsiteY153" fmla="*/ 771844 h 6858000"/>
              <a:gd name="connsiteX154" fmla="*/ 11214884 w 12191999"/>
              <a:gd name="connsiteY154" fmla="*/ 816751 h 6858000"/>
              <a:gd name="connsiteX155" fmla="*/ 11217959 w 12191999"/>
              <a:gd name="connsiteY155" fmla="*/ 819449 h 6858000"/>
              <a:gd name="connsiteX156" fmla="*/ 11225393 w 12191999"/>
              <a:gd name="connsiteY156" fmla="*/ 819449 h 6858000"/>
              <a:gd name="connsiteX157" fmla="*/ 11226817 w 12191999"/>
              <a:gd name="connsiteY157" fmla="*/ 816762 h 6858000"/>
              <a:gd name="connsiteX158" fmla="*/ 11226817 w 12191999"/>
              <a:gd name="connsiteY158" fmla="*/ 770312 h 6858000"/>
              <a:gd name="connsiteX159" fmla="*/ 11199756 w 12191999"/>
              <a:gd name="connsiteY159" fmla="*/ 748117 h 6858000"/>
              <a:gd name="connsiteX160" fmla="*/ 11681273 w 12191999"/>
              <a:gd name="connsiteY160" fmla="*/ 724801 h 6858000"/>
              <a:gd name="connsiteX161" fmla="*/ 11678845 w 12191999"/>
              <a:gd name="connsiteY161" fmla="*/ 727876 h 6858000"/>
              <a:gd name="connsiteX162" fmla="*/ 11678845 w 12191999"/>
              <a:gd name="connsiteY162" fmla="*/ 752250 h 6858000"/>
              <a:gd name="connsiteX163" fmla="*/ 11664279 w 12191999"/>
              <a:gd name="connsiteY163" fmla="*/ 748527 h 6858000"/>
              <a:gd name="connsiteX164" fmla="*/ 11632848 w 12191999"/>
              <a:gd name="connsiteY164" fmla="*/ 784954 h 6858000"/>
              <a:gd name="connsiteX165" fmla="*/ 11666707 w 12191999"/>
              <a:gd name="connsiteY165" fmla="*/ 821510 h 6858000"/>
              <a:gd name="connsiteX166" fmla="*/ 11690477 w 12191999"/>
              <a:gd name="connsiteY166" fmla="*/ 812036 h 6858000"/>
              <a:gd name="connsiteX167" fmla="*/ 11690477 w 12191999"/>
              <a:gd name="connsiteY167" fmla="*/ 727498 h 6858000"/>
              <a:gd name="connsiteX168" fmla="*/ 11687919 w 12191999"/>
              <a:gd name="connsiteY168" fmla="*/ 724801 h 6858000"/>
              <a:gd name="connsiteX169" fmla="*/ 11681273 w 12191999"/>
              <a:gd name="connsiteY169" fmla="*/ 724801 h 6858000"/>
              <a:gd name="connsiteX170" fmla="*/ 11786797 w 12191999"/>
              <a:gd name="connsiteY170" fmla="*/ 724552 h 6858000"/>
              <a:gd name="connsiteX171" fmla="*/ 11784607 w 12191999"/>
              <a:gd name="connsiteY171" fmla="*/ 726732 h 6858000"/>
              <a:gd name="connsiteX172" fmla="*/ 11784607 w 12191999"/>
              <a:gd name="connsiteY172" fmla="*/ 817280 h 6858000"/>
              <a:gd name="connsiteX173" fmla="*/ 11786797 w 12191999"/>
              <a:gd name="connsiteY173" fmla="*/ 819330 h 6858000"/>
              <a:gd name="connsiteX174" fmla="*/ 11793864 w 12191999"/>
              <a:gd name="connsiteY174" fmla="*/ 819330 h 6858000"/>
              <a:gd name="connsiteX175" fmla="*/ 11796303 w 12191999"/>
              <a:gd name="connsiteY175" fmla="*/ 817409 h 6858000"/>
              <a:gd name="connsiteX176" fmla="*/ 11796303 w 12191999"/>
              <a:gd name="connsiteY176" fmla="*/ 726473 h 6858000"/>
              <a:gd name="connsiteX177" fmla="*/ 11793864 w 12191999"/>
              <a:gd name="connsiteY177" fmla="*/ 724552 h 6858000"/>
              <a:gd name="connsiteX178" fmla="*/ 11786797 w 12191999"/>
              <a:gd name="connsiteY178" fmla="*/ 724552 h 6858000"/>
              <a:gd name="connsiteX179" fmla="*/ 11712617 w 12191999"/>
              <a:gd name="connsiteY179" fmla="*/ 723776 h 6858000"/>
              <a:gd name="connsiteX180" fmla="*/ 11705237 w 12191999"/>
              <a:gd name="connsiteY180" fmla="*/ 730940 h 6858000"/>
              <a:gd name="connsiteX181" fmla="*/ 11712358 w 12191999"/>
              <a:gd name="connsiteY181" fmla="*/ 737975 h 6858000"/>
              <a:gd name="connsiteX182" fmla="*/ 11719609 w 12191999"/>
              <a:gd name="connsiteY182" fmla="*/ 730433 h 6858000"/>
              <a:gd name="connsiteX183" fmla="*/ 11712617 w 12191999"/>
              <a:gd name="connsiteY183" fmla="*/ 723776 h 6858000"/>
              <a:gd name="connsiteX184" fmla="*/ 11855021 w 12191999"/>
              <a:gd name="connsiteY184" fmla="*/ 713601 h 6858000"/>
              <a:gd name="connsiteX185" fmla="*/ 11855284 w 12191999"/>
              <a:gd name="connsiteY185" fmla="*/ 713794 h 6858000"/>
              <a:gd name="connsiteX186" fmla="*/ 11855021 w 12191999"/>
              <a:gd name="connsiteY186" fmla="*/ 713860 h 6858000"/>
              <a:gd name="connsiteX187" fmla="*/ 11855021 w 12191999"/>
              <a:gd name="connsiteY187" fmla="*/ 713601 h 6858000"/>
              <a:gd name="connsiteX188" fmla="*/ 11847209 w 12191999"/>
              <a:gd name="connsiteY188" fmla="*/ 704235 h 6858000"/>
              <a:gd name="connsiteX189" fmla="*/ 11851428 w 12191999"/>
              <a:gd name="connsiteY189" fmla="*/ 704235 h 6858000"/>
              <a:gd name="connsiteX190" fmla="*/ 11857190 w 12191999"/>
              <a:gd name="connsiteY190" fmla="*/ 707699 h 6858000"/>
              <a:gd name="connsiteX191" fmla="*/ 11851817 w 12191999"/>
              <a:gd name="connsiteY191" fmla="*/ 711162 h 6858000"/>
              <a:gd name="connsiteX192" fmla="*/ 11847209 w 12191999"/>
              <a:gd name="connsiteY192" fmla="*/ 711162 h 6858000"/>
              <a:gd name="connsiteX193" fmla="*/ 11843627 w 12191999"/>
              <a:gd name="connsiteY193" fmla="*/ 701020 h 6858000"/>
              <a:gd name="connsiteX194" fmla="*/ 11843627 w 12191999"/>
              <a:gd name="connsiteY194" fmla="*/ 724250 h 6858000"/>
              <a:gd name="connsiteX195" fmla="*/ 11847468 w 12191999"/>
              <a:gd name="connsiteY195" fmla="*/ 724250 h 6858000"/>
              <a:gd name="connsiteX196" fmla="*/ 11847468 w 12191999"/>
              <a:gd name="connsiteY196" fmla="*/ 714367 h 6858000"/>
              <a:gd name="connsiteX197" fmla="*/ 11849648 w 12191999"/>
              <a:gd name="connsiteY197" fmla="*/ 714367 h 6858000"/>
              <a:gd name="connsiteX198" fmla="*/ 11856553 w 12191999"/>
              <a:gd name="connsiteY198" fmla="*/ 720528 h 6858000"/>
              <a:gd name="connsiteX199" fmla="*/ 11858603 w 12191999"/>
              <a:gd name="connsiteY199" fmla="*/ 724121 h 6858000"/>
              <a:gd name="connsiteX200" fmla="*/ 11863081 w 12191999"/>
              <a:gd name="connsiteY200" fmla="*/ 724121 h 6858000"/>
              <a:gd name="connsiteX201" fmla="*/ 11860265 w 12191999"/>
              <a:gd name="connsiteY201" fmla="*/ 719503 h 6858000"/>
              <a:gd name="connsiteX202" fmla="*/ 11857064 w 12191999"/>
              <a:gd name="connsiteY202" fmla="*/ 715107 h 6858000"/>
              <a:gd name="connsiteX203" fmla="*/ 11855284 w 12191999"/>
              <a:gd name="connsiteY203" fmla="*/ 713794 h 6858000"/>
              <a:gd name="connsiteX204" fmla="*/ 11858039 w 12191999"/>
              <a:gd name="connsiteY204" fmla="*/ 713107 h 6858000"/>
              <a:gd name="connsiteX205" fmla="*/ 11861549 w 12191999"/>
              <a:gd name="connsiteY205" fmla="*/ 707310 h 6858000"/>
              <a:gd name="connsiteX206" fmla="*/ 11859370 w 12191999"/>
              <a:gd name="connsiteY206" fmla="*/ 702822 h 6858000"/>
              <a:gd name="connsiteX207" fmla="*/ 11851817 w 12191999"/>
              <a:gd name="connsiteY207" fmla="*/ 701020 h 6858000"/>
              <a:gd name="connsiteX208" fmla="*/ 11843627 w 12191999"/>
              <a:gd name="connsiteY208" fmla="*/ 701020 h 6858000"/>
              <a:gd name="connsiteX209" fmla="*/ 11852712 w 12191999"/>
              <a:gd name="connsiteY209" fmla="*/ 694611 h 6858000"/>
              <a:gd name="connsiteX210" fmla="*/ 11870623 w 12191999"/>
              <a:gd name="connsiteY210" fmla="*/ 712446 h 6858000"/>
              <a:gd name="connsiteX211" fmla="*/ 11852712 w 12191999"/>
              <a:gd name="connsiteY211" fmla="*/ 730541 h 6858000"/>
              <a:gd name="connsiteX212" fmla="*/ 11834931 w 12191999"/>
              <a:gd name="connsiteY212" fmla="*/ 712446 h 6858000"/>
              <a:gd name="connsiteX213" fmla="*/ 11852712 w 12191999"/>
              <a:gd name="connsiteY213" fmla="*/ 694611 h 6858000"/>
              <a:gd name="connsiteX214" fmla="*/ 11852712 w 12191999"/>
              <a:gd name="connsiteY214" fmla="*/ 690888 h 6858000"/>
              <a:gd name="connsiteX215" fmla="*/ 11831348 w 12191999"/>
              <a:gd name="connsiteY215" fmla="*/ 712446 h 6858000"/>
              <a:gd name="connsiteX216" fmla="*/ 11852712 w 12191999"/>
              <a:gd name="connsiteY216" fmla="*/ 734004 h 6858000"/>
              <a:gd name="connsiteX217" fmla="*/ 11874076 w 12191999"/>
              <a:gd name="connsiteY217" fmla="*/ 712446 h 6858000"/>
              <a:gd name="connsiteX218" fmla="*/ 11852712 w 12191999"/>
              <a:gd name="connsiteY218" fmla="*/ 690888 h 6858000"/>
              <a:gd name="connsiteX219" fmla="*/ 11639380 w 12191999"/>
              <a:gd name="connsiteY219" fmla="*/ 551044 h 6858000"/>
              <a:gd name="connsiteX220" fmla="*/ 11641189 w 12191999"/>
              <a:gd name="connsiteY220" fmla="*/ 551862 h 6858000"/>
              <a:gd name="connsiteX221" fmla="*/ 11644652 w 12191999"/>
              <a:gd name="connsiteY221" fmla="*/ 634274 h 6858000"/>
              <a:gd name="connsiteX222" fmla="*/ 11640682 w 12191999"/>
              <a:gd name="connsiteY222" fmla="*/ 633508 h 6858000"/>
              <a:gd name="connsiteX223" fmla="*/ 11634273 w 12191999"/>
              <a:gd name="connsiteY223" fmla="*/ 599671 h 6858000"/>
              <a:gd name="connsiteX224" fmla="*/ 11638243 w 12191999"/>
              <a:gd name="connsiteY224" fmla="*/ 552250 h 6858000"/>
              <a:gd name="connsiteX225" fmla="*/ 11639380 w 12191999"/>
              <a:gd name="connsiteY225" fmla="*/ 551044 h 6858000"/>
              <a:gd name="connsiteX226" fmla="*/ 11490639 w 12191999"/>
              <a:gd name="connsiteY226" fmla="*/ 502002 h 6858000"/>
              <a:gd name="connsiteX227" fmla="*/ 11550015 w 12191999"/>
              <a:gd name="connsiteY227" fmla="*/ 504052 h 6858000"/>
              <a:gd name="connsiteX228" fmla="*/ 11548343 w 12191999"/>
              <a:gd name="connsiteY228" fmla="*/ 536605 h 6858000"/>
              <a:gd name="connsiteX229" fmla="*/ 11499486 w 12191999"/>
              <a:gd name="connsiteY229" fmla="*/ 541094 h 6858000"/>
              <a:gd name="connsiteX230" fmla="*/ 11492948 w 12191999"/>
              <a:gd name="connsiteY230" fmla="*/ 533659 h 6858000"/>
              <a:gd name="connsiteX231" fmla="*/ 11490639 w 12191999"/>
              <a:gd name="connsiteY231" fmla="*/ 502002 h 6858000"/>
              <a:gd name="connsiteX232" fmla="*/ 11594253 w 12191999"/>
              <a:gd name="connsiteY232" fmla="*/ 498797 h 6858000"/>
              <a:gd name="connsiteX233" fmla="*/ 11598612 w 12191999"/>
              <a:gd name="connsiteY233" fmla="*/ 520075 h 6858000"/>
              <a:gd name="connsiteX234" fmla="*/ 11588351 w 12191999"/>
              <a:gd name="connsiteY234" fmla="*/ 527509 h 6858000"/>
              <a:gd name="connsiteX235" fmla="*/ 11580011 w 12191999"/>
              <a:gd name="connsiteY235" fmla="*/ 500718 h 6858000"/>
              <a:gd name="connsiteX236" fmla="*/ 11594253 w 12191999"/>
              <a:gd name="connsiteY236" fmla="*/ 498797 h 6858000"/>
              <a:gd name="connsiteX237" fmla="*/ 11441405 w 12191999"/>
              <a:gd name="connsiteY237" fmla="*/ 491374 h 6858000"/>
              <a:gd name="connsiteX238" fmla="*/ 11460384 w 12191999"/>
              <a:gd name="connsiteY238" fmla="*/ 496499 h 6858000"/>
              <a:gd name="connsiteX239" fmla="*/ 11442948 w 12191999"/>
              <a:gd name="connsiteY239" fmla="*/ 533670 h 6858000"/>
              <a:gd name="connsiteX240" fmla="*/ 11434607 w 12191999"/>
              <a:gd name="connsiteY240" fmla="*/ 527132 h 6858000"/>
              <a:gd name="connsiteX241" fmla="*/ 11441405 w 12191999"/>
              <a:gd name="connsiteY241" fmla="*/ 491374 h 6858000"/>
              <a:gd name="connsiteX242" fmla="*/ 11419441 w 12191999"/>
              <a:gd name="connsiteY242" fmla="*/ 484343 h 6858000"/>
              <a:gd name="connsiteX243" fmla="*/ 11431543 w 12191999"/>
              <a:gd name="connsiteY243" fmla="*/ 488299 h 6858000"/>
              <a:gd name="connsiteX244" fmla="*/ 11423202 w 12191999"/>
              <a:gd name="connsiteY244" fmla="*/ 532257 h 6858000"/>
              <a:gd name="connsiteX245" fmla="*/ 11444102 w 12191999"/>
              <a:gd name="connsiteY245" fmla="*/ 543154 h 6858000"/>
              <a:gd name="connsiteX246" fmla="*/ 11469620 w 12191999"/>
              <a:gd name="connsiteY246" fmla="*/ 498549 h 6858000"/>
              <a:gd name="connsiteX247" fmla="*/ 11481672 w 12191999"/>
              <a:gd name="connsiteY247" fmla="*/ 500729 h 6858000"/>
              <a:gd name="connsiteX248" fmla="*/ 11485395 w 12191999"/>
              <a:gd name="connsiteY248" fmla="*/ 542507 h 6858000"/>
              <a:gd name="connsiteX249" fmla="*/ 11498472 w 12191999"/>
              <a:gd name="connsiteY249" fmla="*/ 550707 h 6858000"/>
              <a:gd name="connsiteX250" fmla="*/ 11555917 w 12191999"/>
              <a:gd name="connsiteY250" fmla="*/ 543532 h 6858000"/>
              <a:gd name="connsiteX251" fmla="*/ 11559122 w 12191999"/>
              <a:gd name="connsiteY251" fmla="*/ 503286 h 6858000"/>
              <a:gd name="connsiteX252" fmla="*/ 11570149 w 12191999"/>
              <a:gd name="connsiteY252" fmla="*/ 502002 h 6858000"/>
              <a:gd name="connsiteX253" fmla="*/ 11579385 w 12191999"/>
              <a:gd name="connsiteY253" fmla="*/ 528405 h 6858000"/>
              <a:gd name="connsiteX254" fmla="*/ 11598752 w 12191999"/>
              <a:gd name="connsiteY254" fmla="*/ 531739 h 6858000"/>
              <a:gd name="connsiteX255" fmla="*/ 11602723 w 12191999"/>
              <a:gd name="connsiteY255" fmla="*/ 497773 h 6858000"/>
              <a:gd name="connsiteX256" fmla="*/ 11625673 w 12191999"/>
              <a:gd name="connsiteY256" fmla="*/ 533282 h 6858000"/>
              <a:gd name="connsiteX257" fmla="*/ 11612855 w 12191999"/>
              <a:gd name="connsiteY257" fmla="*/ 586216 h 6858000"/>
              <a:gd name="connsiteX258" fmla="*/ 11537326 w 12191999"/>
              <a:gd name="connsiteY258" fmla="*/ 569428 h 6858000"/>
              <a:gd name="connsiteX259" fmla="*/ 11459488 w 12191999"/>
              <a:gd name="connsiteY259" fmla="*/ 611465 h 6858000"/>
              <a:gd name="connsiteX260" fmla="*/ 11456154 w 12191999"/>
              <a:gd name="connsiteY260" fmla="*/ 612360 h 6858000"/>
              <a:gd name="connsiteX261" fmla="*/ 11418325 w 12191999"/>
              <a:gd name="connsiteY261" fmla="*/ 585191 h 6858000"/>
              <a:gd name="connsiteX262" fmla="*/ 11388707 w 12191999"/>
              <a:gd name="connsiteY262" fmla="*/ 549434 h 6858000"/>
              <a:gd name="connsiteX263" fmla="*/ 11414743 w 12191999"/>
              <a:gd name="connsiteY263" fmla="*/ 487403 h 6858000"/>
              <a:gd name="connsiteX264" fmla="*/ 11419441 w 12191999"/>
              <a:gd name="connsiteY264" fmla="*/ 484343 h 6858000"/>
              <a:gd name="connsiteX265" fmla="*/ 11358173 w 12191999"/>
              <a:gd name="connsiteY265" fmla="*/ 469801 h 6858000"/>
              <a:gd name="connsiteX266" fmla="*/ 11346260 w 12191999"/>
              <a:gd name="connsiteY266" fmla="*/ 478275 h 6858000"/>
              <a:gd name="connsiteX267" fmla="*/ 11361744 w 12191999"/>
              <a:gd name="connsiteY267" fmla="*/ 470744 h 6858000"/>
              <a:gd name="connsiteX268" fmla="*/ 11358173 w 12191999"/>
              <a:gd name="connsiteY268" fmla="*/ 469801 h 6858000"/>
              <a:gd name="connsiteX269" fmla="*/ 11354455 w 12191999"/>
              <a:gd name="connsiteY269" fmla="*/ 453696 h 6858000"/>
              <a:gd name="connsiteX270" fmla="*/ 11379471 w 12191999"/>
              <a:gd name="connsiteY270" fmla="*/ 464453 h 6858000"/>
              <a:gd name="connsiteX271" fmla="*/ 11401267 w 12191999"/>
              <a:gd name="connsiteY271" fmla="*/ 487522 h 6858000"/>
              <a:gd name="connsiteX272" fmla="*/ 11376515 w 12191999"/>
              <a:gd name="connsiteY272" fmla="*/ 541611 h 6858000"/>
              <a:gd name="connsiteX273" fmla="*/ 11357665 w 12191999"/>
              <a:gd name="connsiteY273" fmla="*/ 511745 h 6858000"/>
              <a:gd name="connsiteX274" fmla="*/ 11330734 w 12191999"/>
              <a:gd name="connsiteY274" fmla="*/ 504052 h 6858000"/>
              <a:gd name="connsiteX275" fmla="*/ 11328166 w 12191999"/>
              <a:gd name="connsiteY275" fmla="*/ 491881 h 6858000"/>
              <a:gd name="connsiteX276" fmla="*/ 11335600 w 12191999"/>
              <a:gd name="connsiteY276" fmla="*/ 481879 h 6858000"/>
              <a:gd name="connsiteX277" fmla="*/ 11338297 w 12191999"/>
              <a:gd name="connsiteY277" fmla="*/ 470604 h 6858000"/>
              <a:gd name="connsiteX278" fmla="*/ 11349972 w 12191999"/>
              <a:gd name="connsiteY278" fmla="*/ 456124 h 6858000"/>
              <a:gd name="connsiteX279" fmla="*/ 11354455 w 12191999"/>
              <a:gd name="connsiteY279" fmla="*/ 453696 h 6858000"/>
              <a:gd name="connsiteX280" fmla="*/ 11324025 w 12191999"/>
              <a:gd name="connsiteY280" fmla="*/ 392924 h 6858000"/>
              <a:gd name="connsiteX281" fmla="*/ 11322134 w 12191999"/>
              <a:gd name="connsiteY281" fmla="*/ 400006 h 6858000"/>
              <a:gd name="connsiteX282" fmla="*/ 11335988 w 12191999"/>
              <a:gd name="connsiteY282" fmla="*/ 441536 h 6858000"/>
              <a:gd name="connsiteX283" fmla="*/ 11339193 w 12191999"/>
              <a:gd name="connsiteY283" fmla="*/ 451786 h 6858000"/>
              <a:gd name="connsiteX284" fmla="*/ 11328425 w 12191999"/>
              <a:gd name="connsiteY284" fmla="*/ 467162 h 6858000"/>
              <a:gd name="connsiteX285" fmla="*/ 11327270 w 12191999"/>
              <a:gd name="connsiteY285" fmla="*/ 474855 h 6858000"/>
              <a:gd name="connsiteX286" fmla="*/ 11315477 w 12191999"/>
              <a:gd name="connsiteY286" fmla="*/ 490748 h 6858000"/>
              <a:gd name="connsiteX287" fmla="*/ 11317268 w 12191999"/>
              <a:gd name="connsiteY287" fmla="*/ 503696 h 6858000"/>
              <a:gd name="connsiteX288" fmla="*/ 11327788 w 12191999"/>
              <a:gd name="connsiteY288" fmla="*/ 514594 h 6858000"/>
              <a:gd name="connsiteX289" fmla="*/ 11341890 w 12191999"/>
              <a:gd name="connsiteY289" fmla="*/ 516137 h 6858000"/>
              <a:gd name="connsiteX290" fmla="*/ 11358561 w 12191999"/>
              <a:gd name="connsiteY290" fmla="*/ 529214 h 6858000"/>
              <a:gd name="connsiteX291" fmla="*/ 11388308 w 12191999"/>
              <a:gd name="connsiteY291" fmla="*/ 580476 h 6858000"/>
              <a:gd name="connsiteX292" fmla="*/ 11394717 w 12191999"/>
              <a:gd name="connsiteY292" fmla="*/ 606490 h 6858000"/>
              <a:gd name="connsiteX293" fmla="*/ 11360611 w 12191999"/>
              <a:gd name="connsiteY293" fmla="*/ 709026 h 6858000"/>
              <a:gd name="connsiteX294" fmla="*/ 11362402 w 12191999"/>
              <a:gd name="connsiteY294" fmla="*/ 719406 h 6858000"/>
              <a:gd name="connsiteX295" fmla="*/ 11388567 w 12191999"/>
              <a:gd name="connsiteY295" fmla="*/ 719406 h 6858000"/>
              <a:gd name="connsiteX296" fmla="*/ 11394210 w 12191999"/>
              <a:gd name="connsiteY296" fmla="*/ 711972 h 6858000"/>
              <a:gd name="connsiteX297" fmla="*/ 11429094 w 12191999"/>
              <a:gd name="connsiteY297" fmla="*/ 608411 h 6858000"/>
              <a:gd name="connsiteX298" fmla="*/ 11464484 w 12191999"/>
              <a:gd name="connsiteY298" fmla="*/ 709921 h 6858000"/>
              <a:gd name="connsiteX299" fmla="*/ 11468207 w 12191999"/>
              <a:gd name="connsiteY299" fmla="*/ 719665 h 6858000"/>
              <a:gd name="connsiteX300" fmla="*/ 11490650 w 12191999"/>
              <a:gd name="connsiteY300" fmla="*/ 719665 h 6858000"/>
              <a:gd name="connsiteX301" fmla="*/ 11497954 w 12191999"/>
              <a:gd name="connsiteY301" fmla="*/ 713126 h 6858000"/>
              <a:gd name="connsiteX302" fmla="*/ 11473979 w 12191999"/>
              <a:gd name="connsiteY302" fmla="*/ 619309 h 6858000"/>
              <a:gd name="connsiteX303" fmla="*/ 11535276 w 12191999"/>
              <a:gd name="connsiteY303" fmla="*/ 595345 h 6858000"/>
              <a:gd name="connsiteX304" fmla="*/ 11569383 w 12191999"/>
              <a:gd name="connsiteY304" fmla="*/ 622136 h 6858000"/>
              <a:gd name="connsiteX305" fmla="*/ 11512315 w 12191999"/>
              <a:gd name="connsiteY305" fmla="*/ 709932 h 6858000"/>
              <a:gd name="connsiteX306" fmla="*/ 11514624 w 12191999"/>
              <a:gd name="connsiteY306" fmla="*/ 719417 h 6858000"/>
              <a:gd name="connsiteX307" fmla="*/ 11538351 w 12191999"/>
              <a:gd name="connsiteY307" fmla="*/ 719417 h 6858000"/>
              <a:gd name="connsiteX308" fmla="*/ 11547069 w 12191999"/>
              <a:gd name="connsiteY308" fmla="*/ 713903 h 6858000"/>
              <a:gd name="connsiteX309" fmla="*/ 11598623 w 12191999"/>
              <a:gd name="connsiteY309" fmla="*/ 630983 h 6858000"/>
              <a:gd name="connsiteX310" fmla="*/ 11608496 w 12191999"/>
              <a:gd name="connsiteY310" fmla="*/ 600869 h 6858000"/>
              <a:gd name="connsiteX311" fmla="*/ 11599130 w 12191999"/>
              <a:gd name="connsiteY311" fmla="*/ 710062 h 6858000"/>
              <a:gd name="connsiteX312" fmla="*/ 11601439 w 12191999"/>
              <a:gd name="connsiteY312" fmla="*/ 719287 h 6858000"/>
              <a:gd name="connsiteX313" fmla="*/ 11622857 w 12191999"/>
              <a:gd name="connsiteY313" fmla="*/ 719287 h 6858000"/>
              <a:gd name="connsiteX314" fmla="*/ 11629525 w 12191999"/>
              <a:gd name="connsiteY314" fmla="*/ 711087 h 6858000"/>
              <a:gd name="connsiteX315" fmla="*/ 11634650 w 12191999"/>
              <a:gd name="connsiteY315" fmla="*/ 693014 h 6858000"/>
              <a:gd name="connsiteX316" fmla="*/ 11654018 w 12191999"/>
              <a:gd name="connsiteY316" fmla="*/ 688018 h 6858000"/>
              <a:gd name="connsiteX317" fmla="*/ 11659024 w 12191999"/>
              <a:gd name="connsiteY317" fmla="*/ 680584 h 6858000"/>
              <a:gd name="connsiteX318" fmla="*/ 11654654 w 12191999"/>
              <a:gd name="connsiteY318" fmla="*/ 520852 h 6858000"/>
              <a:gd name="connsiteX319" fmla="*/ 11603360 w 12191999"/>
              <a:gd name="connsiteY319" fmla="*/ 487533 h 6858000"/>
              <a:gd name="connsiteX320" fmla="*/ 11526547 w 12191999"/>
              <a:gd name="connsiteY320" fmla="*/ 493424 h 6858000"/>
              <a:gd name="connsiteX321" fmla="*/ 11402033 w 12191999"/>
              <a:gd name="connsiteY321" fmla="*/ 464842 h 6858000"/>
              <a:gd name="connsiteX322" fmla="*/ 11401644 w 12191999"/>
              <a:gd name="connsiteY322" fmla="*/ 459199 h 6858000"/>
              <a:gd name="connsiteX323" fmla="*/ 11433960 w 12191999"/>
              <a:gd name="connsiteY323" fmla="*/ 433314 h 6858000"/>
              <a:gd name="connsiteX324" fmla="*/ 11431392 w 12191999"/>
              <a:gd name="connsiteY324" fmla="*/ 426398 h 6858000"/>
              <a:gd name="connsiteX325" fmla="*/ 11365995 w 12191999"/>
              <a:gd name="connsiteY325" fmla="*/ 438191 h 6858000"/>
              <a:gd name="connsiteX326" fmla="*/ 11327648 w 12191999"/>
              <a:gd name="connsiteY326" fmla="*/ 397567 h 6858000"/>
              <a:gd name="connsiteX327" fmla="*/ 11324025 w 12191999"/>
              <a:gd name="connsiteY327" fmla="*/ 392924 h 6858000"/>
              <a:gd name="connsiteX328" fmla="*/ 11391491 w 12191999"/>
              <a:gd name="connsiteY328" fmla="*/ 334037 h 6858000"/>
              <a:gd name="connsiteX329" fmla="*/ 11426364 w 12191999"/>
              <a:gd name="connsiteY329" fmla="*/ 368996 h 6858000"/>
              <a:gd name="connsiteX330" fmla="*/ 11391491 w 12191999"/>
              <a:gd name="connsiteY330" fmla="*/ 403955 h 6858000"/>
              <a:gd name="connsiteX331" fmla="*/ 11356360 w 12191999"/>
              <a:gd name="connsiteY331" fmla="*/ 368996 h 6858000"/>
              <a:gd name="connsiteX332" fmla="*/ 11391491 w 12191999"/>
              <a:gd name="connsiteY332" fmla="*/ 334037 h 6858000"/>
              <a:gd name="connsiteX333" fmla="*/ 11389959 w 12191999"/>
              <a:gd name="connsiteY333" fmla="*/ 321618 h 6858000"/>
              <a:gd name="connsiteX334" fmla="*/ 11337262 w 12191999"/>
              <a:gd name="connsiteY334" fmla="*/ 374510 h 6858000"/>
              <a:gd name="connsiteX335" fmla="*/ 11389959 w 12191999"/>
              <a:gd name="connsiteY335" fmla="*/ 427401 h 6858000"/>
              <a:gd name="connsiteX336" fmla="*/ 11442656 w 12191999"/>
              <a:gd name="connsiteY336" fmla="*/ 374510 h 6858000"/>
              <a:gd name="connsiteX337" fmla="*/ 11389959 w 12191999"/>
              <a:gd name="connsiteY337" fmla="*/ 321618 h 6858000"/>
              <a:gd name="connsiteX338" fmla="*/ 0 w 12191999"/>
              <a:gd name="connsiteY338" fmla="*/ 0 h 6858000"/>
              <a:gd name="connsiteX339" fmla="*/ 12191999 w 12191999"/>
              <a:gd name="connsiteY339" fmla="*/ 0 h 6858000"/>
              <a:gd name="connsiteX340" fmla="*/ 12191999 w 12191999"/>
              <a:gd name="connsiteY340" fmla="*/ 6858000 h 6858000"/>
              <a:gd name="connsiteX341" fmla="*/ 0 w 12191999"/>
              <a:gd name="connsiteY34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</a:cxnLst>
            <a:rect l="l" t="t" r="r" b="b"/>
            <a:pathLst>
              <a:path w="12191999" h="6858000">
                <a:moveTo>
                  <a:pt x="11666200" y="756760"/>
                </a:moveTo>
                <a:cubicBezTo>
                  <a:pt x="11673094" y="756760"/>
                  <a:pt x="11676288" y="758940"/>
                  <a:pt x="11678975" y="761119"/>
                </a:cubicBezTo>
                <a:cubicBezTo>
                  <a:pt x="11678975" y="808195"/>
                  <a:pt x="11678975" y="808195"/>
                  <a:pt x="11678975" y="808195"/>
                </a:cubicBezTo>
                <a:lnTo>
                  <a:pt x="11678845" y="808195"/>
                </a:lnTo>
                <a:cubicBezTo>
                  <a:pt x="11678845" y="811658"/>
                  <a:pt x="11673094" y="813579"/>
                  <a:pt x="11667095" y="813579"/>
                </a:cubicBezTo>
                <a:cubicBezTo>
                  <a:pt x="11654191" y="813579"/>
                  <a:pt x="11644998" y="802671"/>
                  <a:pt x="11644998" y="784080"/>
                </a:cubicBezTo>
                <a:cubicBezTo>
                  <a:pt x="11644998" y="767658"/>
                  <a:pt x="11653942" y="756760"/>
                  <a:pt x="11666200" y="756760"/>
                </a:cubicBezTo>
                <a:close/>
                <a:moveTo>
                  <a:pt x="11553608" y="755951"/>
                </a:moveTo>
                <a:cubicBezTo>
                  <a:pt x="11558334" y="755951"/>
                  <a:pt x="11561787" y="756976"/>
                  <a:pt x="11565369" y="760439"/>
                </a:cubicBezTo>
                <a:cubicBezTo>
                  <a:pt x="11569210" y="764032"/>
                  <a:pt x="11571638" y="771995"/>
                  <a:pt x="11571638" y="784954"/>
                </a:cubicBezTo>
                <a:cubicBezTo>
                  <a:pt x="11571638" y="797535"/>
                  <a:pt x="11569210" y="805746"/>
                  <a:pt x="11565369" y="809339"/>
                </a:cubicBezTo>
                <a:cubicBezTo>
                  <a:pt x="11561787" y="812802"/>
                  <a:pt x="11558334" y="813698"/>
                  <a:pt x="11553608" y="813698"/>
                </a:cubicBezTo>
                <a:cubicBezTo>
                  <a:pt x="11548882" y="813698"/>
                  <a:pt x="11545677" y="812802"/>
                  <a:pt x="11542106" y="809339"/>
                </a:cubicBezTo>
                <a:cubicBezTo>
                  <a:pt x="11538394" y="805746"/>
                  <a:pt x="11535837" y="797783"/>
                  <a:pt x="11535837" y="784954"/>
                </a:cubicBezTo>
                <a:cubicBezTo>
                  <a:pt x="11535837" y="772243"/>
                  <a:pt x="11538394" y="764032"/>
                  <a:pt x="11542106" y="760439"/>
                </a:cubicBezTo>
                <a:cubicBezTo>
                  <a:pt x="11545688" y="756976"/>
                  <a:pt x="11549141" y="755951"/>
                  <a:pt x="11553608" y="755951"/>
                </a:cubicBezTo>
                <a:close/>
                <a:moveTo>
                  <a:pt x="11389948" y="755951"/>
                </a:moveTo>
                <a:cubicBezTo>
                  <a:pt x="11394707" y="755951"/>
                  <a:pt x="11397911" y="756976"/>
                  <a:pt x="11401504" y="760439"/>
                </a:cubicBezTo>
                <a:cubicBezTo>
                  <a:pt x="11405356" y="764032"/>
                  <a:pt x="11407795" y="771995"/>
                  <a:pt x="11407795" y="784954"/>
                </a:cubicBezTo>
                <a:cubicBezTo>
                  <a:pt x="11407795" y="797535"/>
                  <a:pt x="11405356" y="805746"/>
                  <a:pt x="11401504" y="809339"/>
                </a:cubicBezTo>
                <a:cubicBezTo>
                  <a:pt x="11397911" y="812802"/>
                  <a:pt x="11394448" y="813698"/>
                  <a:pt x="11389948" y="813698"/>
                </a:cubicBezTo>
                <a:cubicBezTo>
                  <a:pt x="11385201" y="813698"/>
                  <a:pt x="11381985" y="812802"/>
                  <a:pt x="11378133" y="809339"/>
                </a:cubicBezTo>
                <a:cubicBezTo>
                  <a:pt x="11374411" y="805746"/>
                  <a:pt x="11371843" y="797783"/>
                  <a:pt x="11371843" y="784954"/>
                </a:cubicBezTo>
                <a:cubicBezTo>
                  <a:pt x="11371843" y="772243"/>
                  <a:pt x="11374411" y="764032"/>
                  <a:pt x="11378133" y="760439"/>
                </a:cubicBezTo>
                <a:cubicBezTo>
                  <a:pt x="11381726" y="756976"/>
                  <a:pt x="11385190" y="755951"/>
                  <a:pt x="11389948" y="755951"/>
                </a:cubicBezTo>
                <a:close/>
                <a:moveTo>
                  <a:pt x="11267462" y="755951"/>
                </a:moveTo>
                <a:cubicBezTo>
                  <a:pt x="11272210" y="755951"/>
                  <a:pt x="11275425" y="756976"/>
                  <a:pt x="11279148" y="760439"/>
                </a:cubicBezTo>
                <a:cubicBezTo>
                  <a:pt x="11282881" y="764032"/>
                  <a:pt x="11285438" y="771995"/>
                  <a:pt x="11285438" y="784954"/>
                </a:cubicBezTo>
                <a:cubicBezTo>
                  <a:pt x="11285438" y="797535"/>
                  <a:pt x="11283000" y="805746"/>
                  <a:pt x="11279148" y="809339"/>
                </a:cubicBezTo>
                <a:cubicBezTo>
                  <a:pt x="11275555" y="812802"/>
                  <a:pt x="11272210" y="813698"/>
                  <a:pt x="11267462" y="813698"/>
                </a:cubicBezTo>
                <a:cubicBezTo>
                  <a:pt x="11262715" y="813698"/>
                  <a:pt x="11259499" y="812802"/>
                  <a:pt x="11255907" y="809339"/>
                </a:cubicBezTo>
                <a:cubicBezTo>
                  <a:pt x="11252054" y="805746"/>
                  <a:pt x="11249616" y="797783"/>
                  <a:pt x="11249616" y="784954"/>
                </a:cubicBezTo>
                <a:cubicBezTo>
                  <a:pt x="11249616" y="772243"/>
                  <a:pt x="11252054" y="764032"/>
                  <a:pt x="11255907" y="760439"/>
                </a:cubicBezTo>
                <a:cubicBezTo>
                  <a:pt x="11259499" y="756976"/>
                  <a:pt x="11262844" y="755951"/>
                  <a:pt x="11267462" y="755951"/>
                </a:cubicBezTo>
                <a:close/>
                <a:moveTo>
                  <a:pt x="11708668" y="750005"/>
                </a:moveTo>
                <a:cubicBezTo>
                  <a:pt x="11706381" y="750005"/>
                  <a:pt x="11706381" y="750772"/>
                  <a:pt x="11706381" y="752433"/>
                </a:cubicBezTo>
                <a:cubicBezTo>
                  <a:pt x="11706381" y="817032"/>
                  <a:pt x="11706381" y="817032"/>
                  <a:pt x="11706381" y="817032"/>
                </a:cubicBezTo>
                <a:cubicBezTo>
                  <a:pt x="11706381" y="818952"/>
                  <a:pt x="11706381" y="819459"/>
                  <a:pt x="11708420" y="819459"/>
                </a:cubicBezTo>
                <a:cubicBezTo>
                  <a:pt x="11715671" y="819459"/>
                  <a:pt x="11715671" y="819459"/>
                  <a:pt x="11715671" y="819459"/>
                </a:cubicBezTo>
                <a:cubicBezTo>
                  <a:pt x="11717699" y="819330"/>
                  <a:pt x="11718206" y="819330"/>
                  <a:pt x="11718206" y="817032"/>
                </a:cubicBezTo>
                <a:cubicBezTo>
                  <a:pt x="11718206" y="752433"/>
                  <a:pt x="11718206" y="752433"/>
                  <a:pt x="11718206" y="752433"/>
                </a:cubicBezTo>
                <a:cubicBezTo>
                  <a:pt x="11718206" y="750383"/>
                  <a:pt x="11717699" y="750005"/>
                  <a:pt x="11715660" y="750005"/>
                </a:cubicBezTo>
                <a:cubicBezTo>
                  <a:pt x="11708668" y="750005"/>
                  <a:pt x="11708668" y="750005"/>
                  <a:pt x="11708668" y="750005"/>
                </a:cubicBezTo>
                <a:close/>
                <a:moveTo>
                  <a:pt x="11826514" y="749671"/>
                </a:moveTo>
                <a:cubicBezTo>
                  <a:pt x="11824076" y="749671"/>
                  <a:pt x="11823170" y="749542"/>
                  <a:pt x="11822404" y="751851"/>
                </a:cubicBezTo>
                <a:cubicBezTo>
                  <a:pt x="11818552" y="763374"/>
                  <a:pt x="11808647" y="775804"/>
                  <a:pt x="11798623" y="781695"/>
                </a:cubicBezTo>
                <a:cubicBezTo>
                  <a:pt x="11798234" y="782084"/>
                  <a:pt x="11798105" y="782461"/>
                  <a:pt x="11798105" y="782461"/>
                </a:cubicBezTo>
                <a:cubicBezTo>
                  <a:pt x="11798105" y="782591"/>
                  <a:pt x="11798234" y="782968"/>
                  <a:pt x="11798234" y="783227"/>
                </a:cubicBezTo>
                <a:cubicBezTo>
                  <a:pt x="11822145" y="817420"/>
                  <a:pt x="11822145" y="817420"/>
                  <a:pt x="11822145" y="817420"/>
                </a:cubicBezTo>
                <a:cubicBezTo>
                  <a:pt x="11823558" y="819470"/>
                  <a:pt x="11824076" y="819470"/>
                  <a:pt x="11826126" y="819470"/>
                </a:cubicBezTo>
                <a:cubicBezTo>
                  <a:pt x="11835254" y="819470"/>
                  <a:pt x="11835254" y="819470"/>
                  <a:pt x="11835254" y="819470"/>
                </a:cubicBezTo>
                <a:cubicBezTo>
                  <a:pt x="11835891" y="819330"/>
                  <a:pt x="11837175" y="819330"/>
                  <a:pt x="11837175" y="817798"/>
                </a:cubicBezTo>
                <a:cubicBezTo>
                  <a:pt x="11837175" y="817291"/>
                  <a:pt x="11836786" y="816643"/>
                  <a:pt x="11836279" y="816136"/>
                </a:cubicBezTo>
                <a:cubicBezTo>
                  <a:pt x="11810826" y="782450"/>
                  <a:pt x="11810826" y="782450"/>
                  <a:pt x="11810826" y="782450"/>
                </a:cubicBezTo>
                <a:cubicBezTo>
                  <a:pt x="11810567" y="782192"/>
                  <a:pt x="11810567" y="782192"/>
                  <a:pt x="11810567" y="782192"/>
                </a:cubicBezTo>
                <a:cubicBezTo>
                  <a:pt x="11819566" y="775534"/>
                  <a:pt x="11828824" y="765154"/>
                  <a:pt x="11834607" y="753890"/>
                </a:cubicBezTo>
                <a:cubicBezTo>
                  <a:pt x="11835125" y="752606"/>
                  <a:pt x="11835254" y="751969"/>
                  <a:pt x="11835254" y="751203"/>
                </a:cubicBezTo>
                <a:cubicBezTo>
                  <a:pt x="11835254" y="750049"/>
                  <a:pt x="11834607" y="749671"/>
                  <a:pt x="11832816" y="749671"/>
                </a:cubicBezTo>
                <a:cubicBezTo>
                  <a:pt x="11826514" y="749671"/>
                  <a:pt x="11826514" y="749671"/>
                  <a:pt x="11826514" y="749671"/>
                </a:cubicBezTo>
                <a:close/>
                <a:moveTo>
                  <a:pt x="11301634" y="749671"/>
                </a:moveTo>
                <a:cubicBezTo>
                  <a:pt x="11301116" y="749671"/>
                  <a:pt x="11299832" y="749671"/>
                  <a:pt x="11299832" y="751462"/>
                </a:cubicBezTo>
                <a:cubicBezTo>
                  <a:pt x="11299832" y="751980"/>
                  <a:pt x="11299961" y="752617"/>
                  <a:pt x="11300350" y="753383"/>
                </a:cubicBezTo>
                <a:cubicBezTo>
                  <a:pt x="11324605" y="817399"/>
                  <a:pt x="11324605" y="817399"/>
                  <a:pt x="11324605" y="817399"/>
                </a:cubicBezTo>
                <a:cubicBezTo>
                  <a:pt x="11325371" y="818941"/>
                  <a:pt x="11325630" y="819449"/>
                  <a:pt x="11326785" y="819449"/>
                </a:cubicBezTo>
                <a:cubicBezTo>
                  <a:pt x="11332050" y="819449"/>
                  <a:pt x="11332050" y="819449"/>
                  <a:pt x="11332050" y="819449"/>
                </a:cubicBezTo>
                <a:cubicBezTo>
                  <a:pt x="11333593" y="819449"/>
                  <a:pt x="11333971" y="819190"/>
                  <a:pt x="11334489" y="817399"/>
                </a:cubicBezTo>
                <a:cubicBezTo>
                  <a:pt x="11358108" y="753135"/>
                  <a:pt x="11358108" y="753135"/>
                  <a:pt x="11358108" y="753135"/>
                </a:cubicBezTo>
                <a:cubicBezTo>
                  <a:pt x="11358366" y="751592"/>
                  <a:pt x="11358366" y="751462"/>
                  <a:pt x="11358366" y="751085"/>
                </a:cubicBezTo>
                <a:cubicBezTo>
                  <a:pt x="11358366" y="749671"/>
                  <a:pt x="11357341" y="749671"/>
                  <a:pt x="11356694" y="749671"/>
                </a:cubicBezTo>
                <a:cubicBezTo>
                  <a:pt x="11350015" y="749671"/>
                  <a:pt x="11350015" y="749671"/>
                  <a:pt x="11350015" y="749671"/>
                </a:cubicBezTo>
                <a:cubicBezTo>
                  <a:pt x="11349120" y="749930"/>
                  <a:pt x="11348990" y="750308"/>
                  <a:pt x="11348343" y="751592"/>
                </a:cubicBezTo>
                <a:cubicBezTo>
                  <a:pt x="11330885" y="802908"/>
                  <a:pt x="11330885" y="802908"/>
                  <a:pt x="11330885" y="802908"/>
                </a:cubicBezTo>
                <a:cubicBezTo>
                  <a:pt x="11312920" y="751851"/>
                  <a:pt x="11312920" y="751851"/>
                  <a:pt x="11312920" y="751851"/>
                </a:cubicBezTo>
                <a:cubicBezTo>
                  <a:pt x="11312154" y="749930"/>
                  <a:pt x="11311895" y="749671"/>
                  <a:pt x="11309845" y="749671"/>
                </a:cubicBezTo>
                <a:cubicBezTo>
                  <a:pt x="11301634" y="749671"/>
                  <a:pt x="11301634" y="749671"/>
                  <a:pt x="11301634" y="749671"/>
                </a:cubicBezTo>
                <a:close/>
                <a:moveTo>
                  <a:pt x="11754223" y="748506"/>
                </a:moveTo>
                <a:cubicBezTo>
                  <a:pt x="11742149" y="748506"/>
                  <a:pt x="11731241" y="755185"/>
                  <a:pt x="11731241" y="767625"/>
                </a:cubicBezTo>
                <a:cubicBezTo>
                  <a:pt x="11731241" y="779300"/>
                  <a:pt x="11739462" y="784177"/>
                  <a:pt x="11749346" y="788417"/>
                </a:cubicBezTo>
                <a:cubicBezTo>
                  <a:pt x="11757050" y="791622"/>
                  <a:pt x="11764236" y="794708"/>
                  <a:pt x="11764236" y="801894"/>
                </a:cubicBezTo>
                <a:cubicBezTo>
                  <a:pt x="11764236" y="807407"/>
                  <a:pt x="11759866" y="813698"/>
                  <a:pt x="11750500" y="813698"/>
                </a:cubicBezTo>
                <a:cubicBezTo>
                  <a:pt x="11740995" y="813698"/>
                  <a:pt x="11738308" y="806641"/>
                  <a:pt x="11733679" y="806641"/>
                </a:cubicBezTo>
                <a:cubicBezTo>
                  <a:pt x="11731500" y="806641"/>
                  <a:pt x="11728673" y="807666"/>
                  <a:pt x="11728673" y="811130"/>
                </a:cubicBezTo>
                <a:cubicBezTo>
                  <a:pt x="11728673" y="816643"/>
                  <a:pt x="11739462" y="821402"/>
                  <a:pt x="11750241" y="821402"/>
                </a:cubicBezTo>
                <a:cubicBezTo>
                  <a:pt x="11762434" y="821531"/>
                  <a:pt x="11774896" y="815111"/>
                  <a:pt x="11774896" y="800610"/>
                </a:cubicBezTo>
                <a:cubicBezTo>
                  <a:pt x="11774896" y="777897"/>
                  <a:pt x="11741901" y="781490"/>
                  <a:pt x="11741901" y="766471"/>
                </a:cubicBezTo>
                <a:cubicBezTo>
                  <a:pt x="11741901" y="761335"/>
                  <a:pt x="11745882" y="756199"/>
                  <a:pt x="11753457" y="756199"/>
                </a:cubicBezTo>
                <a:cubicBezTo>
                  <a:pt x="11761290" y="756199"/>
                  <a:pt x="11763340" y="761335"/>
                  <a:pt x="11767322" y="761335"/>
                </a:cubicBezTo>
                <a:cubicBezTo>
                  <a:pt x="11769372" y="761335"/>
                  <a:pt x="11772328" y="760180"/>
                  <a:pt x="11772328" y="756587"/>
                </a:cubicBezTo>
                <a:cubicBezTo>
                  <a:pt x="11772328" y="751452"/>
                  <a:pt x="11763599" y="748506"/>
                  <a:pt x="11754223" y="748506"/>
                </a:cubicBezTo>
                <a:close/>
                <a:moveTo>
                  <a:pt x="11614257" y="748117"/>
                </a:moveTo>
                <a:cubicBezTo>
                  <a:pt x="11607082" y="748117"/>
                  <a:pt x="11602594" y="749272"/>
                  <a:pt x="11599001" y="750167"/>
                </a:cubicBezTo>
                <a:cubicBezTo>
                  <a:pt x="11594383" y="751322"/>
                  <a:pt x="11592721" y="753491"/>
                  <a:pt x="11592721" y="755659"/>
                </a:cubicBezTo>
                <a:cubicBezTo>
                  <a:pt x="11592721" y="816902"/>
                  <a:pt x="11592721" y="816902"/>
                  <a:pt x="11592721" y="816902"/>
                </a:cubicBezTo>
                <a:cubicBezTo>
                  <a:pt x="11592721" y="818952"/>
                  <a:pt x="11593487" y="819071"/>
                  <a:pt x="11595418" y="819071"/>
                </a:cubicBezTo>
                <a:cubicBezTo>
                  <a:pt x="11602216" y="819071"/>
                  <a:pt x="11602216" y="819071"/>
                  <a:pt x="11602216" y="819071"/>
                </a:cubicBezTo>
                <a:cubicBezTo>
                  <a:pt x="11603878" y="819071"/>
                  <a:pt x="11604654" y="818942"/>
                  <a:pt x="11604654" y="816902"/>
                </a:cubicBezTo>
                <a:cubicBezTo>
                  <a:pt x="11604654" y="760774"/>
                  <a:pt x="11604654" y="760774"/>
                  <a:pt x="11604654" y="760774"/>
                </a:cubicBezTo>
                <a:cubicBezTo>
                  <a:pt x="11604654" y="757192"/>
                  <a:pt x="11607471" y="754764"/>
                  <a:pt x="11611452" y="754764"/>
                </a:cubicBezTo>
                <a:cubicBezTo>
                  <a:pt x="11620041" y="754764"/>
                  <a:pt x="11621325" y="761033"/>
                  <a:pt x="11625943" y="761033"/>
                </a:cubicBezTo>
                <a:cubicBezTo>
                  <a:pt x="11629255" y="761162"/>
                  <a:pt x="11631823" y="759112"/>
                  <a:pt x="11631823" y="755152"/>
                </a:cubicBezTo>
                <a:cubicBezTo>
                  <a:pt x="11631823" y="750167"/>
                  <a:pt x="11623623" y="748117"/>
                  <a:pt x="11614257" y="748117"/>
                </a:cubicBezTo>
                <a:close/>
                <a:moveTo>
                  <a:pt x="11553619" y="748117"/>
                </a:moveTo>
                <a:cubicBezTo>
                  <a:pt x="11547609" y="748117"/>
                  <a:pt x="11541221" y="749919"/>
                  <a:pt x="11536236" y="753124"/>
                </a:cubicBezTo>
                <a:cubicBezTo>
                  <a:pt x="11528565" y="758519"/>
                  <a:pt x="11523450" y="768780"/>
                  <a:pt x="11523450" y="784954"/>
                </a:cubicBezTo>
                <a:cubicBezTo>
                  <a:pt x="11523450" y="800998"/>
                  <a:pt x="11528565" y="811270"/>
                  <a:pt x="11536236" y="816654"/>
                </a:cubicBezTo>
                <a:cubicBezTo>
                  <a:pt x="11540962" y="819988"/>
                  <a:pt x="11547490" y="821531"/>
                  <a:pt x="11553619" y="821531"/>
                </a:cubicBezTo>
                <a:cubicBezTo>
                  <a:pt x="11559888" y="821531"/>
                  <a:pt x="11566275" y="819859"/>
                  <a:pt x="11571001" y="816654"/>
                </a:cubicBezTo>
                <a:cubicBezTo>
                  <a:pt x="11578802" y="811259"/>
                  <a:pt x="11583917" y="800998"/>
                  <a:pt x="11583917" y="784954"/>
                </a:cubicBezTo>
                <a:cubicBezTo>
                  <a:pt x="11583917" y="768780"/>
                  <a:pt x="11578802" y="758519"/>
                  <a:pt x="11571001" y="753124"/>
                </a:cubicBezTo>
                <a:cubicBezTo>
                  <a:pt x="11566146" y="749660"/>
                  <a:pt x="11559747" y="748117"/>
                  <a:pt x="11553619" y="748117"/>
                </a:cubicBezTo>
                <a:close/>
                <a:moveTo>
                  <a:pt x="11486031" y="748117"/>
                </a:moveTo>
                <a:cubicBezTo>
                  <a:pt x="11475824" y="748117"/>
                  <a:pt x="11468930" y="750297"/>
                  <a:pt x="11465229" y="751452"/>
                </a:cubicBezTo>
                <a:cubicBezTo>
                  <a:pt x="11460632" y="752994"/>
                  <a:pt x="11459230" y="754656"/>
                  <a:pt x="11459230" y="756965"/>
                </a:cubicBezTo>
                <a:cubicBezTo>
                  <a:pt x="11459230" y="817010"/>
                  <a:pt x="11459230" y="817010"/>
                  <a:pt x="11459230" y="817010"/>
                </a:cubicBezTo>
                <a:cubicBezTo>
                  <a:pt x="11459230" y="819190"/>
                  <a:pt x="11459737" y="819449"/>
                  <a:pt x="11461787" y="819449"/>
                </a:cubicBezTo>
                <a:cubicBezTo>
                  <a:pt x="11468422" y="819449"/>
                  <a:pt x="11468422" y="819449"/>
                  <a:pt x="11468422" y="819449"/>
                </a:cubicBezTo>
                <a:cubicBezTo>
                  <a:pt x="11470332" y="819449"/>
                  <a:pt x="11471228" y="819190"/>
                  <a:pt x="11471228" y="816751"/>
                </a:cubicBezTo>
                <a:cubicBezTo>
                  <a:pt x="11471228" y="761454"/>
                  <a:pt x="11471228" y="761454"/>
                  <a:pt x="11471228" y="761454"/>
                </a:cubicBezTo>
                <a:cubicBezTo>
                  <a:pt x="11471228" y="758497"/>
                  <a:pt x="11476331" y="755422"/>
                  <a:pt x="11485654" y="755422"/>
                </a:cubicBezTo>
                <a:cubicBezTo>
                  <a:pt x="11501223" y="755422"/>
                  <a:pt x="11501223" y="765554"/>
                  <a:pt x="11501223" y="771844"/>
                </a:cubicBezTo>
                <a:cubicBezTo>
                  <a:pt x="11501223" y="816751"/>
                  <a:pt x="11501223" y="816751"/>
                  <a:pt x="11501223" y="816751"/>
                </a:cubicBezTo>
                <a:cubicBezTo>
                  <a:pt x="11501223" y="819190"/>
                  <a:pt x="11501990" y="819449"/>
                  <a:pt x="11504288" y="819449"/>
                </a:cubicBezTo>
                <a:cubicBezTo>
                  <a:pt x="11511690" y="819449"/>
                  <a:pt x="11511690" y="819449"/>
                  <a:pt x="11511690" y="819449"/>
                </a:cubicBezTo>
                <a:cubicBezTo>
                  <a:pt x="11512963" y="819201"/>
                  <a:pt x="11512963" y="817917"/>
                  <a:pt x="11512963" y="816762"/>
                </a:cubicBezTo>
                <a:cubicBezTo>
                  <a:pt x="11512963" y="770312"/>
                  <a:pt x="11512963" y="770312"/>
                  <a:pt x="11512963" y="770312"/>
                </a:cubicBezTo>
                <a:cubicBezTo>
                  <a:pt x="11512963" y="762230"/>
                  <a:pt x="11512704" y="748117"/>
                  <a:pt x="11486031" y="748117"/>
                </a:cubicBezTo>
                <a:close/>
                <a:moveTo>
                  <a:pt x="11389700" y="748117"/>
                </a:moveTo>
                <a:cubicBezTo>
                  <a:pt x="11383539" y="748117"/>
                  <a:pt x="11377249" y="749919"/>
                  <a:pt x="11372242" y="753124"/>
                </a:cubicBezTo>
                <a:cubicBezTo>
                  <a:pt x="11364538" y="758519"/>
                  <a:pt x="11359402" y="768780"/>
                  <a:pt x="11359402" y="784954"/>
                </a:cubicBezTo>
                <a:cubicBezTo>
                  <a:pt x="11359402" y="800998"/>
                  <a:pt x="11364538" y="811270"/>
                  <a:pt x="11372242" y="816654"/>
                </a:cubicBezTo>
                <a:cubicBezTo>
                  <a:pt x="11376990" y="819988"/>
                  <a:pt x="11383539" y="821531"/>
                  <a:pt x="11389700" y="821531"/>
                </a:cubicBezTo>
                <a:cubicBezTo>
                  <a:pt x="11395990" y="821531"/>
                  <a:pt x="11402281" y="819859"/>
                  <a:pt x="11407158" y="816654"/>
                </a:cubicBezTo>
                <a:cubicBezTo>
                  <a:pt x="11414991" y="811259"/>
                  <a:pt x="11420127" y="800998"/>
                  <a:pt x="11420127" y="784954"/>
                </a:cubicBezTo>
                <a:cubicBezTo>
                  <a:pt x="11420127" y="768780"/>
                  <a:pt x="11414991" y="758519"/>
                  <a:pt x="11407158" y="753124"/>
                </a:cubicBezTo>
                <a:cubicBezTo>
                  <a:pt x="11402540" y="749660"/>
                  <a:pt x="11395990" y="748117"/>
                  <a:pt x="11389700" y="748117"/>
                </a:cubicBezTo>
                <a:close/>
                <a:moveTo>
                  <a:pt x="11267473" y="748117"/>
                </a:moveTo>
                <a:cubicBezTo>
                  <a:pt x="11261312" y="748117"/>
                  <a:pt x="11254892" y="749919"/>
                  <a:pt x="11250015" y="753124"/>
                </a:cubicBezTo>
                <a:cubicBezTo>
                  <a:pt x="11242182" y="758519"/>
                  <a:pt x="11237046" y="768780"/>
                  <a:pt x="11237046" y="784954"/>
                </a:cubicBezTo>
                <a:cubicBezTo>
                  <a:pt x="11237046" y="800998"/>
                  <a:pt x="11242182" y="811270"/>
                  <a:pt x="11250015" y="816654"/>
                </a:cubicBezTo>
                <a:cubicBezTo>
                  <a:pt x="11254763" y="819988"/>
                  <a:pt x="11261183" y="821531"/>
                  <a:pt x="11267473" y="821531"/>
                </a:cubicBezTo>
                <a:cubicBezTo>
                  <a:pt x="11273764" y="821531"/>
                  <a:pt x="11279925" y="819859"/>
                  <a:pt x="11284931" y="816654"/>
                </a:cubicBezTo>
                <a:cubicBezTo>
                  <a:pt x="11292635" y="811259"/>
                  <a:pt x="11297771" y="800998"/>
                  <a:pt x="11297771" y="784954"/>
                </a:cubicBezTo>
                <a:cubicBezTo>
                  <a:pt x="11297771" y="768780"/>
                  <a:pt x="11292635" y="758519"/>
                  <a:pt x="11284931" y="753124"/>
                </a:cubicBezTo>
                <a:cubicBezTo>
                  <a:pt x="11279925" y="749660"/>
                  <a:pt x="11273764" y="748117"/>
                  <a:pt x="11267473" y="748117"/>
                </a:cubicBezTo>
                <a:close/>
                <a:moveTo>
                  <a:pt x="11199756" y="748117"/>
                </a:moveTo>
                <a:cubicBezTo>
                  <a:pt x="11189495" y="748117"/>
                  <a:pt x="11182698" y="750297"/>
                  <a:pt x="11178857" y="751452"/>
                </a:cubicBezTo>
                <a:cubicBezTo>
                  <a:pt x="11174368" y="752994"/>
                  <a:pt x="11172825" y="754656"/>
                  <a:pt x="11172825" y="756965"/>
                </a:cubicBezTo>
                <a:cubicBezTo>
                  <a:pt x="11172825" y="817010"/>
                  <a:pt x="11172825" y="817010"/>
                  <a:pt x="11172825" y="817010"/>
                </a:cubicBezTo>
                <a:cubicBezTo>
                  <a:pt x="11172825" y="819190"/>
                  <a:pt x="11173343" y="819449"/>
                  <a:pt x="11175263" y="819449"/>
                </a:cubicBezTo>
                <a:cubicBezTo>
                  <a:pt x="11181932" y="819449"/>
                  <a:pt x="11181932" y="819449"/>
                  <a:pt x="11181932" y="819449"/>
                </a:cubicBezTo>
                <a:cubicBezTo>
                  <a:pt x="11183852" y="819449"/>
                  <a:pt x="11184748" y="819190"/>
                  <a:pt x="11184748" y="816751"/>
                </a:cubicBezTo>
                <a:cubicBezTo>
                  <a:pt x="11184748" y="761454"/>
                  <a:pt x="11184748" y="761454"/>
                  <a:pt x="11184748" y="761454"/>
                </a:cubicBezTo>
                <a:cubicBezTo>
                  <a:pt x="11184748" y="758497"/>
                  <a:pt x="11189873" y="755422"/>
                  <a:pt x="11199238" y="755422"/>
                </a:cubicBezTo>
                <a:cubicBezTo>
                  <a:pt x="11214884" y="755422"/>
                  <a:pt x="11214884" y="765554"/>
                  <a:pt x="11214884" y="771844"/>
                </a:cubicBezTo>
                <a:cubicBezTo>
                  <a:pt x="11214884" y="816751"/>
                  <a:pt x="11214884" y="816751"/>
                  <a:pt x="11214884" y="816751"/>
                </a:cubicBezTo>
                <a:cubicBezTo>
                  <a:pt x="11214884" y="819190"/>
                  <a:pt x="11215650" y="819449"/>
                  <a:pt x="11217959" y="819449"/>
                </a:cubicBezTo>
                <a:cubicBezTo>
                  <a:pt x="11225393" y="819449"/>
                  <a:pt x="11225393" y="819449"/>
                  <a:pt x="11225393" y="819449"/>
                </a:cubicBezTo>
                <a:cubicBezTo>
                  <a:pt x="11226688" y="819201"/>
                  <a:pt x="11226817" y="817917"/>
                  <a:pt x="11226817" y="816762"/>
                </a:cubicBezTo>
                <a:cubicBezTo>
                  <a:pt x="11226817" y="770312"/>
                  <a:pt x="11226817" y="770312"/>
                  <a:pt x="11226817" y="770312"/>
                </a:cubicBezTo>
                <a:cubicBezTo>
                  <a:pt x="11226817" y="762230"/>
                  <a:pt x="11226688" y="748117"/>
                  <a:pt x="11199756" y="748117"/>
                </a:cubicBezTo>
                <a:close/>
                <a:moveTo>
                  <a:pt x="11681273" y="724801"/>
                </a:moveTo>
                <a:cubicBezTo>
                  <a:pt x="11678975" y="724801"/>
                  <a:pt x="11678845" y="725567"/>
                  <a:pt x="11678845" y="727876"/>
                </a:cubicBezTo>
                <a:cubicBezTo>
                  <a:pt x="11678845" y="752250"/>
                  <a:pt x="11678845" y="752250"/>
                  <a:pt x="11678845" y="752250"/>
                </a:cubicBezTo>
                <a:cubicBezTo>
                  <a:pt x="11674626" y="750070"/>
                  <a:pt x="11670537" y="748527"/>
                  <a:pt x="11664279" y="748527"/>
                </a:cubicBezTo>
                <a:cubicBezTo>
                  <a:pt x="11643455" y="748527"/>
                  <a:pt x="11632848" y="768413"/>
                  <a:pt x="11632848" y="784954"/>
                </a:cubicBezTo>
                <a:cubicBezTo>
                  <a:pt x="11632848" y="809587"/>
                  <a:pt x="11646260" y="821510"/>
                  <a:pt x="11666707" y="821510"/>
                </a:cubicBezTo>
                <a:cubicBezTo>
                  <a:pt x="11676547" y="821531"/>
                  <a:pt x="11690477" y="816654"/>
                  <a:pt x="11690477" y="812036"/>
                </a:cubicBezTo>
                <a:cubicBezTo>
                  <a:pt x="11690477" y="727498"/>
                  <a:pt x="11690477" y="727498"/>
                  <a:pt x="11690477" y="727498"/>
                </a:cubicBezTo>
                <a:cubicBezTo>
                  <a:pt x="11690477" y="724930"/>
                  <a:pt x="11689711" y="724801"/>
                  <a:pt x="11687919" y="724801"/>
                </a:cubicBezTo>
                <a:cubicBezTo>
                  <a:pt x="11681273" y="724801"/>
                  <a:pt x="11681273" y="724801"/>
                  <a:pt x="11681273" y="724801"/>
                </a:cubicBezTo>
                <a:close/>
                <a:moveTo>
                  <a:pt x="11786797" y="724552"/>
                </a:moveTo>
                <a:cubicBezTo>
                  <a:pt x="11785384" y="724552"/>
                  <a:pt x="11784607" y="724811"/>
                  <a:pt x="11784607" y="726732"/>
                </a:cubicBezTo>
                <a:cubicBezTo>
                  <a:pt x="11784607" y="817280"/>
                  <a:pt x="11784607" y="817280"/>
                  <a:pt x="11784607" y="817280"/>
                </a:cubicBezTo>
                <a:cubicBezTo>
                  <a:pt x="11784607" y="819071"/>
                  <a:pt x="11784995" y="819330"/>
                  <a:pt x="11786797" y="819330"/>
                </a:cubicBezTo>
                <a:cubicBezTo>
                  <a:pt x="11793864" y="819330"/>
                  <a:pt x="11793864" y="819330"/>
                  <a:pt x="11793864" y="819330"/>
                </a:cubicBezTo>
                <a:cubicBezTo>
                  <a:pt x="11795526" y="819330"/>
                  <a:pt x="11796303" y="819330"/>
                  <a:pt x="11796303" y="817409"/>
                </a:cubicBezTo>
                <a:cubicBezTo>
                  <a:pt x="11796303" y="726473"/>
                  <a:pt x="11796303" y="726473"/>
                  <a:pt x="11796303" y="726473"/>
                </a:cubicBezTo>
                <a:cubicBezTo>
                  <a:pt x="11796303" y="724552"/>
                  <a:pt x="11795407" y="724552"/>
                  <a:pt x="11793864" y="724552"/>
                </a:cubicBezTo>
                <a:cubicBezTo>
                  <a:pt x="11786797" y="724552"/>
                  <a:pt x="11786797" y="724552"/>
                  <a:pt x="11786797" y="724552"/>
                </a:cubicBezTo>
                <a:close/>
                <a:moveTo>
                  <a:pt x="11712617" y="723776"/>
                </a:moveTo>
                <a:cubicBezTo>
                  <a:pt x="11708291" y="723776"/>
                  <a:pt x="11705237" y="726851"/>
                  <a:pt x="11705237" y="730940"/>
                </a:cubicBezTo>
                <a:cubicBezTo>
                  <a:pt x="11705237" y="734781"/>
                  <a:pt x="11707913" y="737975"/>
                  <a:pt x="11712358" y="737975"/>
                </a:cubicBezTo>
                <a:cubicBezTo>
                  <a:pt x="11716933" y="737845"/>
                  <a:pt x="11719739" y="734263"/>
                  <a:pt x="11719609" y="730433"/>
                </a:cubicBezTo>
                <a:cubicBezTo>
                  <a:pt x="11719350" y="726462"/>
                  <a:pt x="11716178" y="723776"/>
                  <a:pt x="11712617" y="723776"/>
                </a:cubicBezTo>
                <a:close/>
                <a:moveTo>
                  <a:pt x="11855021" y="713601"/>
                </a:moveTo>
                <a:lnTo>
                  <a:pt x="11855284" y="713794"/>
                </a:lnTo>
                <a:lnTo>
                  <a:pt x="11855021" y="713860"/>
                </a:lnTo>
                <a:cubicBezTo>
                  <a:pt x="11855021" y="713860"/>
                  <a:pt x="11855021" y="713860"/>
                  <a:pt x="11855021" y="713601"/>
                </a:cubicBezTo>
                <a:close/>
                <a:moveTo>
                  <a:pt x="11847209" y="704235"/>
                </a:moveTo>
                <a:cubicBezTo>
                  <a:pt x="11851428" y="704235"/>
                  <a:pt x="11851428" y="704235"/>
                  <a:pt x="11851428" y="704235"/>
                </a:cubicBezTo>
                <a:cubicBezTo>
                  <a:pt x="11853608" y="704235"/>
                  <a:pt x="11857190" y="704235"/>
                  <a:pt x="11857190" y="707699"/>
                </a:cubicBezTo>
                <a:cubicBezTo>
                  <a:pt x="11857190" y="711162"/>
                  <a:pt x="11853478" y="711162"/>
                  <a:pt x="11851817" y="711162"/>
                </a:cubicBezTo>
                <a:cubicBezTo>
                  <a:pt x="11847209" y="711162"/>
                  <a:pt x="11847209" y="711162"/>
                  <a:pt x="11847209" y="711162"/>
                </a:cubicBezTo>
                <a:close/>
                <a:moveTo>
                  <a:pt x="11843627" y="701020"/>
                </a:moveTo>
                <a:lnTo>
                  <a:pt x="11843627" y="724250"/>
                </a:lnTo>
                <a:cubicBezTo>
                  <a:pt x="11847468" y="724250"/>
                  <a:pt x="11847468" y="724250"/>
                  <a:pt x="11847468" y="724250"/>
                </a:cubicBezTo>
                <a:cubicBezTo>
                  <a:pt x="11847468" y="714367"/>
                  <a:pt x="11847468" y="714367"/>
                  <a:pt x="11847468" y="714367"/>
                </a:cubicBezTo>
                <a:cubicBezTo>
                  <a:pt x="11849648" y="714367"/>
                  <a:pt x="11849648" y="714367"/>
                  <a:pt x="11849648" y="714367"/>
                </a:cubicBezTo>
                <a:cubicBezTo>
                  <a:pt x="11852723" y="714367"/>
                  <a:pt x="11853867" y="715521"/>
                  <a:pt x="11856553" y="720528"/>
                </a:cubicBezTo>
                <a:cubicBezTo>
                  <a:pt x="11858603" y="724121"/>
                  <a:pt x="11858603" y="724121"/>
                  <a:pt x="11858603" y="724121"/>
                </a:cubicBezTo>
                <a:cubicBezTo>
                  <a:pt x="11863081" y="724121"/>
                  <a:pt x="11863081" y="724121"/>
                  <a:pt x="11863081" y="724121"/>
                </a:cubicBezTo>
                <a:cubicBezTo>
                  <a:pt x="11860265" y="719503"/>
                  <a:pt x="11860265" y="719503"/>
                  <a:pt x="11860265" y="719503"/>
                </a:cubicBezTo>
                <a:cubicBezTo>
                  <a:pt x="11858857" y="717258"/>
                  <a:pt x="11857864" y="715942"/>
                  <a:pt x="11857064" y="715107"/>
                </a:cubicBezTo>
                <a:lnTo>
                  <a:pt x="11855284" y="713794"/>
                </a:lnTo>
                <a:lnTo>
                  <a:pt x="11858039" y="713107"/>
                </a:lnTo>
                <a:cubicBezTo>
                  <a:pt x="11860542" y="711860"/>
                  <a:pt x="11861549" y="709333"/>
                  <a:pt x="11861549" y="707310"/>
                </a:cubicBezTo>
                <a:cubicBezTo>
                  <a:pt x="11861549" y="705390"/>
                  <a:pt x="11860653" y="703717"/>
                  <a:pt x="11859370" y="702822"/>
                </a:cubicBezTo>
                <a:cubicBezTo>
                  <a:pt x="11857449" y="701020"/>
                  <a:pt x="11854385" y="701020"/>
                  <a:pt x="11851817" y="701020"/>
                </a:cubicBezTo>
                <a:cubicBezTo>
                  <a:pt x="11843627" y="701020"/>
                  <a:pt x="11843627" y="701020"/>
                  <a:pt x="11843627" y="701020"/>
                </a:cubicBezTo>
                <a:close/>
                <a:moveTo>
                  <a:pt x="11852712" y="694611"/>
                </a:moveTo>
                <a:cubicBezTo>
                  <a:pt x="11862563" y="694611"/>
                  <a:pt x="11870623" y="702563"/>
                  <a:pt x="11870623" y="712446"/>
                </a:cubicBezTo>
                <a:cubicBezTo>
                  <a:pt x="11870623" y="722330"/>
                  <a:pt x="11862693" y="730541"/>
                  <a:pt x="11852712" y="730541"/>
                </a:cubicBezTo>
                <a:cubicBezTo>
                  <a:pt x="11842861" y="730541"/>
                  <a:pt x="11834931" y="722330"/>
                  <a:pt x="11834931" y="712446"/>
                </a:cubicBezTo>
                <a:cubicBezTo>
                  <a:pt x="11834801" y="702563"/>
                  <a:pt x="11842732" y="694611"/>
                  <a:pt x="11852712" y="694611"/>
                </a:cubicBezTo>
                <a:close/>
                <a:moveTo>
                  <a:pt x="11852712" y="690888"/>
                </a:moveTo>
                <a:cubicBezTo>
                  <a:pt x="11840940" y="690888"/>
                  <a:pt x="11831348" y="700513"/>
                  <a:pt x="11831348" y="712446"/>
                </a:cubicBezTo>
                <a:cubicBezTo>
                  <a:pt x="11831348" y="724509"/>
                  <a:pt x="11840940" y="734004"/>
                  <a:pt x="11852712" y="734004"/>
                </a:cubicBezTo>
                <a:cubicBezTo>
                  <a:pt x="11864613" y="734004"/>
                  <a:pt x="11874076" y="724250"/>
                  <a:pt x="11874076" y="712446"/>
                </a:cubicBezTo>
                <a:cubicBezTo>
                  <a:pt x="11874076" y="700642"/>
                  <a:pt x="11864484" y="690888"/>
                  <a:pt x="11852712" y="690888"/>
                </a:cubicBezTo>
                <a:close/>
                <a:moveTo>
                  <a:pt x="11639380" y="551044"/>
                </a:moveTo>
                <a:cubicBezTo>
                  <a:pt x="11639972" y="550996"/>
                  <a:pt x="11640676" y="551285"/>
                  <a:pt x="11641189" y="551862"/>
                </a:cubicBezTo>
                <a:cubicBezTo>
                  <a:pt x="11649011" y="560062"/>
                  <a:pt x="11646325" y="621974"/>
                  <a:pt x="11644652" y="634274"/>
                </a:cubicBezTo>
                <a:cubicBezTo>
                  <a:pt x="11644264" y="637349"/>
                  <a:pt x="11641448" y="639788"/>
                  <a:pt x="11640682" y="633508"/>
                </a:cubicBezTo>
                <a:cubicBezTo>
                  <a:pt x="11639786" y="625567"/>
                  <a:pt x="11635557" y="607235"/>
                  <a:pt x="11634273" y="599671"/>
                </a:cubicBezTo>
                <a:cubicBezTo>
                  <a:pt x="11632859" y="592496"/>
                  <a:pt x="11636841" y="570582"/>
                  <a:pt x="11638243" y="552250"/>
                </a:cubicBezTo>
                <a:cubicBezTo>
                  <a:pt x="11638308" y="551479"/>
                  <a:pt x="11638788" y="551093"/>
                  <a:pt x="11639380" y="551044"/>
                </a:cubicBezTo>
                <a:close/>
                <a:moveTo>
                  <a:pt x="11490639" y="502002"/>
                </a:moveTo>
                <a:cubicBezTo>
                  <a:pt x="11510395" y="504700"/>
                  <a:pt x="11530399" y="505207"/>
                  <a:pt x="11550015" y="504052"/>
                </a:cubicBezTo>
                <a:cubicBezTo>
                  <a:pt x="11553220" y="516223"/>
                  <a:pt x="11552831" y="532116"/>
                  <a:pt x="11548343" y="536605"/>
                </a:cubicBezTo>
                <a:cubicBezTo>
                  <a:pt x="11541157" y="543910"/>
                  <a:pt x="11508722" y="542496"/>
                  <a:pt x="11499486" y="541094"/>
                </a:cubicBezTo>
                <a:cubicBezTo>
                  <a:pt x="11496918" y="540705"/>
                  <a:pt x="11494361" y="540327"/>
                  <a:pt x="11492948" y="533659"/>
                </a:cubicBezTo>
                <a:cubicBezTo>
                  <a:pt x="11491405" y="525837"/>
                  <a:pt x="11491275" y="511486"/>
                  <a:pt x="11490639" y="502002"/>
                </a:cubicBezTo>
                <a:close/>
                <a:moveTo>
                  <a:pt x="11594253" y="498797"/>
                </a:moveTo>
                <a:cubicBezTo>
                  <a:pt x="11599767" y="509048"/>
                  <a:pt x="11600155" y="514950"/>
                  <a:pt x="11598612" y="520075"/>
                </a:cubicBezTo>
                <a:cubicBezTo>
                  <a:pt x="11597069" y="525200"/>
                  <a:pt x="11589894" y="528146"/>
                  <a:pt x="11588351" y="527509"/>
                </a:cubicBezTo>
                <a:cubicBezTo>
                  <a:pt x="11588092" y="516482"/>
                  <a:pt x="11585147" y="508152"/>
                  <a:pt x="11580011" y="500718"/>
                </a:cubicBezTo>
                <a:cubicBezTo>
                  <a:pt x="11584510" y="499952"/>
                  <a:pt x="11589257" y="499315"/>
                  <a:pt x="11594253" y="498797"/>
                </a:cubicBezTo>
                <a:close/>
                <a:moveTo>
                  <a:pt x="11441405" y="491374"/>
                </a:moveTo>
                <a:cubicBezTo>
                  <a:pt x="11447684" y="493295"/>
                  <a:pt x="11454104" y="494967"/>
                  <a:pt x="11460384" y="496499"/>
                </a:cubicBezTo>
                <a:cubicBezTo>
                  <a:pt x="11456025" y="524056"/>
                  <a:pt x="11447436" y="531868"/>
                  <a:pt x="11442948" y="533670"/>
                </a:cubicBezTo>
                <a:cubicBezTo>
                  <a:pt x="11439473" y="535073"/>
                  <a:pt x="11431910" y="535839"/>
                  <a:pt x="11434607" y="527132"/>
                </a:cubicBezTo>
                <a:cubicBezTo>
                  <a:pt x="11437305" y="518413"/>
                  <a:pt x="11439862" y="503545"/>
                  <a:pt x="11441405" y="491374"/>
                </a:cubicBezTo>
                <a:close/>
                <a:moveTo>
                  <a:pt x="11419441" y="484343"/>
                </a:moveTo>
                <a:cubicBezTo>
                  <a:pt x="11421606" y="484488"/>
                  <a:pt x="11425004" y="485801"/>
                  <a:pt x="11431543" y="488299"/>
                </a:cubicBezTo>
                <a:cubicBezTo>
                  <a:pt x="11430647" y="509447"/>
                  <a:pt x="11425263" y="521499"/>
                  <a:pt x="11423202" y="532257"/>
                </a:cubicBezTo>
                <a:cubicBezTo>
                  <a:pt x="11420893" y="543284"/>
                  <a:pt x="11433204" y="545841"/>
                  <a:pt x="11444102" y="543154"/>
                </a:cubicBezTo>
                <a:cubicBezTo>
                  <a:pt x="11454870" y="540468"/>
                  <a:pt x="11465132" y="529182"/>
                  <a:pt x="11469620" y="498549"/>
                </a:cubicBezTo>
                <a:cubicBezTo>
                  <a:pt x="11473850" y="499574"/>
                  <a:pt x="11477313" y="500092"/>
                  <a:pt x="11481672" y="500729"/>
                </a:cubicBezTo>
                <a:cubicBezTo>
                  <a:pt x="11482190" y="532516"/>
                  <a:pt x="11484111" y="539691"/>
                  <a:pt x="11485395" y="542507"/>
                </a:cubicBezTo>
                <a:cubicBezTo>
                  <a:pt x="11487833" y="548398"/>
                  <a:pt x="11493735" y="550329"/>
                  <a:pt x="11498472" y="550707"/>
                </a:cubicBezTo>
                <a:cubicBezTo>
                  <a:pt x="11523353" y="552628"/>
                  <a:pt x="11547458" y="551862"/>
                  <a:pt x="11555917" y="543532"/>
                </a:cubicBezTo>
                <a:cubicBezTo>
                  <a:pt x="11564506" y="535073"/>
                  <a:pt x="11561560" y="514443"/>
                  <a:pt x="11559122" y="503286"/>
                </a:cubicBezTo>
                <a:cubicBezTo>
                  <a:pt x="11563092" y="502898"/>
                  <a:pt x="11566308" y="502520"/>
                  <a:pt x="11570149" y="502002"/>
                </a:cubicBezTo>
                <a:cubicBezTo>
                  <a:pt x="11578360" y="511486"/>
                  <a:pt x="11579385" y="521866"/>
                  <a:pt x="11579385" y="528405"/>
                </a:cubicBezTo>
                <a:cubicBezTo>
                  <a:pt x="11579385" y="535709"/>
                  <a:pt x="11587466" y="539551"/>
                  <a:pt x="11598752" y="531739"/>
                </a:cubicBezTo>
                <a:cubicBezTo>
                  <a:pt x="11609909" y="523916"/>
                  <a:pt x="11608884" y="510202"/>
                  <a:pt x="11602723" y="497773"/>
                </a:cubicBezTo>
                <a:cubicBezTo>
                  <a:pt x="11628371" y="495722"/>
                  <a:pt x="11627086" y="512511"/>
                  <a:pt x="11625673" y="533282"/>
                </a:cubicBezTo>
                <a:cubicBezTo>
                  <a:pt x="11624389" y="553793"/>
                  <a:pt x="11619771" y="582882"/>
                  <a:pt x="11612855" y="586216"/>
                </a:cubicBezTo>
                <a:cubicBezTo>
                  <a:pt x="11605798" y="589162"/>
                  <a:pt x="11594771" y="570323"/>
                  <a:pt x="11537326" y="569428"/>
                </a:cubicBezTo>
                <a:cubicBezTo>
                  <a:pt x="11496551" y="568661"/>
                  <a:pt x="11465261" y="574175"/>
                  <a:pt x="11459488" y="611465"/>
                </a:cubicBezTo>
                <a:cubicBezTo>
                  <a:pt x="11459100" y="614151"/>
                  <a:pt x="11457568" y="613774"/>
                  <a:pt x="11456154" y="612360"/>
                </a:cubicBezTo>
                <a:cubicBezTo>
                  <a:pt x="11444998" y="600189"/>
                  <a:pt x="11434737" y="594676"/>
                  <a:pt x="11418325" y="585191"/>
                </a:cubicBezTo>
                <a:cubicBezTo>
                  <a:pt x="11401785" y="575448"/>
                  <a:pt x="11390757" y="562382"/>
                  <a:pt x="11388707" y="549434"/>
                </a:cubicBezTo>
                <a:cubicBezTo>
                  <a:pt x="11386657" y="536486"/>
                  <a:pt x="11391405" y="519190"/>
                  <a:pt x="11414743" y="487403"/>
                </a:cubicBezTo>
                <a:cubicBezTo>
                  <a:pt x="11416346" y="485224"/>
                  <a:pt x="11417276" y="484199"/>
                  <a:pt x="11419441" y="484343"/>
                </a:cubicBezTo>
                <a:close/>
                <a:moveTo>
                  <a:pt x="11358173" y="469801"/>
                </a:moveTo>
                <a:cubicBezTo>
                  <a:pt x="11352402" y="469752"/>
                  <a:pt x="11342133" y="472433"/>
                  <a:pt x="11346260" y="478275"/>
                </a:cubicBezTo>
                <a:cubicBezTo>
                  <a:pt x="11351763" y="486314"/>
                  <a:pt x="11362639" y="473042"/>
                  <a:pt x="11361744" y="470744"/>
                </a:cubicBezTo>
                <a:cubicBezTo>
                  <a:pt x="11361520" y="470137"/>
                  <a:pt x="11360096" y="469817"/>
                  <a:pt x="11358173" y="469801"/>
                </a:cubicBezTo>
                <a:close/>
                <a:moveTo>
                  <a:pt x="11354455" y="453696"/>
                </a:moveTo>
                <a:cubicBezTo>
                  <a:pt x="11359222" y="452705"/>
                  <a:pt x="11365520" y="456094"/>
                  <a:pt x="11379471" y="464453"/>
                </a:cubicBezTo>
                <a:cubicBezTo>
                  <a:pt x="11402044" y="478167"/>
                  <a:pt x="11408971" y="475351"/>
                  <a:pt x="11401267" y="487522"/>
                </a:cubicBezTo>
                <a:cubicBezTo>
                  <a:pt x="11396519" y="495345"/>
                  <a:pt x="11380486" y="516104"/>
                  <a:pt x="11376515" y="541611"/>
                </a:cubicBezTo>
                <a:cubicBezTo>
                  <a:pt x="11371131" y="534436"/>
                  <a:pt x="11363815" y="516622"/>
                  <a:pt x="11357665" y="511745"/>
                </a:cubicBezTo>
                <a:cubicBezTo>
                  <a:pt x="11345613" y="502261"/>
                  <a:pt x="11335222" y="509566"/>
                  <a:pt x="11330734" y="504052"/>
                </a:cubicBezTo>
                <a:cubicBezTo>
                  <a:pt x="11325727" y="498031"/>
                  <a:pt x="11323677" y="497643"/>
                  <a:pt x="11328166" y="491881"/>
                </a:cubicBezTo>
                <a:cubicBezTo>
                  <a:pt x="11328166" y="491881"/>
                  <a:pt x="11333550" y="484835"/>
                  <a:pt x="11335600" y="481879"/>
                </a:cubicBezTo>
                <a:cubicBezTo>
                  <a:pt x="11337909" y="478804"/>
                  <a:pt x="11337272" y="473031"/>
                  <a:pt x="11338297" y="470604"/>
                </a:cubicBezTo>
                <a:cubicBezTo>
                  <a:pt x="11339193" y="468165"/>
                  <a:pt x="11344707" y="460861"/>
                  <a:pt x="11349972" y="456124"/>
                </a:cubicBezTo>
                <a:cubicBezTo>
                  <a:pt x="11351448" y="454843"/>
                  <a:pt x="11352866" y="454026"/>
                  <a:pt x="11354455" y="453696"/>
                </a:cubicBezTo>
                <a:close/>
                <a:moveTo>
                  <a:pt x="11324025" y="392924"/>
                </a:moveTo>
                <a:cubicBezTo>
                  <a:pt x="11322935" y="393149"/>
                  <a:pt x="11322134" y="395329"/>
                  <a:pt x="11322134" y="400006"/>
                </a:cubicBezTo>
                <a:cubicBezTo>
                  <a:pt x="11322134" y="423463"/>
                  <a:pt x="11332395" y="437555"/>
                  <a:pt x="11335988" y="441536"/>
                </a:cubicBezTo>
                <a:cubicBezTo>
                  <a:pt x="11339452" y="445507"/>
                  <a:pt x="11341114" y="449477"/>
                  <a:pt x="11339193" y="451786"/>
                </a:cubicBezTo>
                <a:cubicBezTo>
                  <a:pt x="11334068" y="457807"/>
                  <a:pt x="11328554" y="464475"/>
                  <a:pt x="11328425" y="467162"/>
                </a:cubicBezTo>
                <a:cubicBezTo>
                  <a:pt x="11328166" y="470107"/>
                  <a:pt x="11328425" y="471521"/>
                  <a:pt x="11327270" y="474855"/>
                </a:cubicBezTo>
                <a:cubicBezTo>
                  <a:pt x="11326116" y="478059"/>
                  <a:pt x="11322016" y="482796"/>
                  <a:pt x="11315477" y="490748"/>
                </a:cubicBezTo>
                <a:cubicBezTo>
                  <a:pt x="11311884" y="495366"/>
                  <a:pt x="11314193" y="500362"/>
                  <a:pt x="11317268" y="503696"/>
                </a:cubicBezTo>
                <a:cubicBezTo>
                  <a:pt x="11320861" y="507796"/>
                  <a:pt x="11323300" y="512544"/>
                  <a:pt x="11327788" y="514594"/>
                </a:cubicBezTo>
                <a:cubicBezTo>
                  <a:pt x="11332406" y="516644"/>
                  <a:pt x="11336506" y="515230"/>
                  <a:pt x="11341890" y="516137"/>
                </a:cubicBezTo>
                <a:cubicBezTo>
                  <a:pt x="11347016" y="517032"/>
                  <a:pt x="11353436" y="520107"/>
                  <a:pt x="11358561" y="529214"/>
                </a:cubicBezTo>
                <a:cubicBezTo>
                  <a:pt x="11365995" y="542539"/>
                  <a:pt x="11373947" y="563310"/>
                  <a:pt x="11388308" y="580476"/>
                </a:cubicBezTo>
                <a:cubicBezTo>
                  <a:pt x="11394717" y="588040"/>
                  <a:pt x="11394717" y="602013"/>
                  <a:pt x="11394717" y="606490"/>
                </a:cubicBezTo>
                <a:cubicBezTo>
                  <a:pt x="11395106" y="646736"/>
                  <a:pt x="11374076" y="684803"/>
                  <a:pt x="11360611" y="709026"/>
                </a:cubicBezTo>
                <a:cubicBezTo>
                  <a:pt x="11357406" y="714669"/>
                  <a:pt x="11358172" y="719406"/>
                  <a:pt x="11362402" y="719406"/>
                </a:cubicBezTo>
                <a:cubicBezTo>
                  <a:pt x="11367279" y="719406"/>
                  <a:pt x="11385481" y="719406"/>
                  <a:pt x="11388567" y="719406"/>
                </a:cubicBezTo>
                <a:cubicBezTo>
                  <a:pt x="11391901" y="719406"/>
                  <a:pt x="11393951" y="715813"/>
                  <a:pt x="11394210" y="711972"/>
                </a:cubicBezTo>
                <a:cubicBezTo>
                  <a:pt x="11396519" y="679030"/>
                  <a:pt x="11415110" y="618661"/>
                  <a:pt x="11429094" y="608411"/>
                </a:cubicBezTo>
                <a:cubicBezTo>
                  <a:pt x="11452561" y="623150"/>
                  <a:pt x="11475900" y="654678"/>
                  <a:pt x="11464484" y="709921"/>
                </a:cubicBezTo>
                <a:cubicBezTo>
                  <a:pt x="11463966" y="712996"/>
                  <a:pt x="11461150" y="719665"/>
                  <a:pt x="11468207" y="719665"/>
                </a:cubicBezTo>
                <a:cubicBezTo>
                  <a:pt x="11468207" y="719665"/>
                  <a:pt x="11488082" y="719665"/>
                  <a:pt x="11490650" y="719665"/>
                </a:cubicBezTo>
                <a:cubicBezTo>
                  <a:pt x="11493595" y="719665"/>
                  <a:pt x="11498343" y="718510"/>
                  <a:pt x="11497954" y="713126"/>
                </a:cubicBezTo>
                <a:cubicBezTo>
                  <a:pt x="11496800" y="691590"/>
                  <a:pt x="11478716" y="646100"/>
                  <a:pt x="11473979" y="619309"/>
                </a:cubicBezTo>
                <a:cubicBezTo>
                  <a:pt x="11471034" y="602390"/>
                  <a:pt x="11484499" y="572146"/>
                  <a:pt x="11535276" y="595345"/>
                </a:cubicBezTo>
                <a:cubicBezTo>
                  <a:pt x="11554773" y="577790"/>
                  <a:pt x="11580421" y="588428"/>
                  <a:pt x="11569383" y="622136"/>
                </a:cubicBezTo>
                <a:cubicBezTo>
                  <a:pt x="11558614" y="655713"/>
                  <a:pt x="11549249" y="670452"/>
                  <a:pt x="11512315" y="709932"/>
                </a:cubicBezTo>
                <a:cubicBezTo>
                  <a:pt x="11508215" y="714550"/>
                  <a:pt x="11507827" y="719417"/>
                  <a:pt x="11514624" y="719417"/>
                </a:cubicBezTo>
                <a:cubicBezTo>
                  <a:pt x="11517958" y="719417"/>
                  <a:pt x="11534888" y="719417"/>
                  <a:pt x="11538351" y="719417"/>
                </a:cubicBezTo>
                <a:cubicBezTo>
                  <a:pt x="11543476" y="719417"/>
                  <a:pt x="11545537" y="717874"/>
                  <a:pt x="11547069" y="713903"/>
                </a:cubicBezTo>
                <a:cubicBezTo>
                  <a:pt x="11548483" y="709673"/>
                  <a:pt x="11565412" y="656102"/>
                  <a:pt x="11598623" y="630983"/>
                </a:cubicBezTo>
                <a:cubicBezTo>
                  <a:pt x="11601191" y="629063"/>
                  <a:pt x="11603371" y="620474"/>
                  <a:pt x="11608496" y="600869"/>
                </a:cubicBezTo>
                <a:cubicBezTo>
                  <a:pt x="11624529" y="622017"/>
                  <a:pt x="11626709" y="660461"/>
                  <a:pt x="11599130" y="710062"/>
                </a:cubicBezTo>
                <a:cubicBezTo>
                  <a:pt x="11596314" y="715316"/>
                  <a:pt x="11597976" y="719287"/>
                  <a:pt x="11601439" y="719287"/>
                </a:cubicBezTo>
                <a:cubicBezTo>
                  <a:pt x="11603360" y="719287"/>
                  <a:pt x="11618368" y="719287"/>
                  <a:pt x="11622857" y="719287"/>
                </a:cubicBezTo>
                <a:cubicBezTo>
                  <a:pt x="11626828" y="719287"/>
                  <a:pt x="11627982" y="717107"/>
                  <a:pt x="11629525" y="711087"/>
                </a:cubicBezTo>
                <a:cubicBezTo>
                  <a:pt x="11631446" y="703653"/>
                  <a:pt x="11632093" y="700060"/>
                  <a:pt x="11634650" y="693014"/>
                </a:cubicBezTo>
                <a:cubicBezTo>
                  <a:pt x="11636193" y="688655"/>
                  <a:pt x="11636830" y="687889"/>
                  <a:pt x="11654018" y="688018"/>
                </a:cubicBezTo>
                <a:cubicBezTo>
                  <a:pt x="11659402" y="688018"/>
                  <a:pt x="11659024" y="685202"/>
                  <a:pt x="11659024" y="680584"/>
                </a:cubicBezTo>
                <a:cubicBezTo>
                  <a:pt x="11659272" y="614151"/>
                  <a:pt x="11659661" y="544687"/>
                  <a:pt x="11654654" y="520852"/>
                </a:cubicBezTo>
                <a:cubicBezTo>
                  <a:pt x="11647727" y="487403"/>
                  <a:pt x="11618617" y="486378"/>
                  <a:pt x="11603360" y="487533"/>
                </a:cubicBezTo>
                <a:cubicBezTo>
                  <a:pt x="11587456" y="488688"/>
                  <a:pt x="11557449" y="493424"/>
                  <a:pt x="11526547" y="493424"/>
                </a:cubicBezTo>
                <a:cubicBezTo>
                  <a:pt x="11484866" y="493424"/>
                  <a:pt x="11437930" y="481631"/>
                  <a:pt x="11402033" y="464842"/>
                </a:cubicBezTo>
                <a:cubicBezTo>
                  <a:pt x="11395753" y="462026"/>
                  <a:pt x="11398958" y="460742"/>
                  <a:pt x="11401644" y="459199"/>
                </a:cubicBezTo>
                <a:cubicBezTo>
                  <a:pt x="11415110" y="451765"/>
                  <a:pt x="11426774" y="445097"/>
                  <a:pt x="11433960" y="433314"/>
                </a:cubicBezTo>
                <a:cubicBezTo>
                  <a:pt x="11439473" y="424348"/>
                  <a:pt x="11437423" y="421521"/>
                  <a:pt x="11431392" y="426398"/>
                </a:cubicBezTo>
                <a:cubicBezTo>
                  <a:pt x="11415110" y="439982"/>
                  <a:pt x="11391890" y="447546"/>
                  <a:pt x="11365995" y="438191"/>
                </a:cubicBezTo>
                <a:cubicBezTo>
                  <a:pt x="11339959" y="428966"/>
                  <a:pt x="11329957" y="403847"/>
                  <a:pt x="11327648" y="397567"/>
                </a:cubicBezTo>
                <a:cubicBezTo>
                  <a:pt x="11326493" y="394428"/>
                  <a:pt x="11325115" y="392699"/>
                  <a:pt x="11324025" y="392924"/>
                </a:cubicBezTo>
                <a:close/>
                <a:moveTo>
                  <a:pt x="11391491" y="334037"/>
                </a:moveTo>
                <a:cubicBezTo>
                  <a:pt x="11410848" y="334037"/>
                  <a:pt x="11426364" y="349790"/>
                  <a:pt x="11426364" y="368996"/>
                </a:cubicBezTo>
                <a:cubicBezTo>
                  <a:pt x="11426364" y="388331"/>
                  <a:pt x="11410848" y="403955"/>
                  <a:pt x="11391491" y="403955"/>
                </a:cubicBezTo>
                <a:cubicBezTo>
                  <a:pt x="11372134" y="403955"/>
                  <a:pt x="11356360" y="388331"/>
                  <a:pt x="11356360" y="368996"/>
                </a:cubicBezTo>
                <a:cubicBezTo>
                  <a:pt x="11356360" y="349542"/>
                  <a:pt x="11372134" y="334037"/>
                  <a:pt x="11391491" y="334037"/>
                </a:cubicBezTo>
                <a:close/>
                <a:moveTo>
                  <a:pt x="11389959" y="321618"/>
                </a:moveTo>
                <a:cubicBezTo>
                  <a:pt x="11360729" y="321618"/>
                  <a:pt x="11337262" y="345442"/>
                  <a:pt x="11337262" y="374510"/>
                </a:cubicBezTo>
                <a:cubicBezTo>
                  <a:pt x="11337262" y="403836"/>
                  <a:pt x="11360978" y="427401"/>
                  <a:pt x="11389959" y="427401"/>
                </a:cubicBezTo>
                <a:cubicBezTo>
                  <a:pt x="11419189" y="427401"/>
                  <a:pt x="11442656" y="403577"/>
                  <a:pt x="11442656" y="374510"/>
                </a:cubicBezTo>
                <a:cubicBezTo>
                  <a:pt x="11442656" y="345183"/>
                  <a:pt x="11419189" y="321618"/>
                  <a:pt x="11389959" y="321618"/>
                </a:cubicBezTo>
                <a:close/>
                <a:moveTo>
                  <a:pt x="0" y="0"/>
                </a:moveTo>
                <a:lnTo>
                  <a:pt x="12191999" y="0"/>
                </a:lnTo>
                <a:lnTo>
                  <a:pt x="12191999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D4D7DC"/>
          </a:solidFill>
        </p:spPr>
        <p:txBody>
          <a:bodyPr wrap="square" tIns="7200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here and insert picture via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auto">
          <a:xfrm>
            <a:off x="648000" y="648000"/>
            <a:ext cx="8652000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5D48FB-C4AE-4499-AA0B-C1A976EDD53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60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1883084E-2481-4E6B-8DE9-0CFD902BC8B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189875-0661-4E2F-8DC6-9F8850F63BE8}"/>
              </a:ext>
            </a:extLst>
          </p:cNvPr>
          <p:cNvSpPr txBox="1"/>
          <p:nvPr userDrawn="1"/>
        </p:nvSpPr>
        <p:spPr>
          <a:xfrm>
            <a:off x="23812" y="-33912"/>
            <a:ext cx="36000" cy="171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120000"/>
              </a:lnSpc>
            </a:pPr>
            <a:r>
              <a:rPr lang="en-US" sz="100" dirty="0">
                <a:solidFill>
                  <a:srgbClr val="666666"/>
                </a:solidFill>
                <a:latin typeface="Apis For Office Light" panose="020B0404010101010104" pitchFamily="34" charset="0"/>
                <a:ea typeface="Apis For Office Light" panose="020B0404010101010104" pitchFamily="34" charset="0"/>
                <a:cs typeface="Apis For Office Light" panose="020B0404010101010104" pitchFamily="34" charset="0"/>
              </a:rPr>
              <a:t>Light</a:t>
            </a:r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A65E5DCA-65B0-489C-8954-F5C4AA22ACA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ynamic logo white" descr="{&quot;templafy&quot;:{&quot;id&quot;:&quot;a616fa2d-1df8-486a-aa5a-1d625a08637c&quot;}}" title="Form.PLogoChoice.PLogoInsertionWhite">
            <a:extLst>
              <a:ext uri="{FF2B5EF4-FFF2-40B4-BE49-F238E27FC236}">
                <a16:creationId xmlns:a16="http://schemas.microsoft.com/office/drawing/2014/main" id="{C5FCC1DF-363B-E72E-C9AA-B53C438C43DC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Divider">
    <p:bg bwMode="ltGray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AE495F4B-43C9-4BD0-8BB8-4942406D920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78766DD-9A06-4EF8-BC56-88FAB730402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gray">
          <a:xfrm>
            <a:off x="397164" y="647700"/>
            <a:ext cx="8902835" cy="5562300"/>
          </a:xfrm>
        </p:spPr>
        <p:txBody>
          <a:bodyPr anchor="ctr">
            <a:noAutofit/>
          </a:bodyPr>
          <a:lstStyle>
            <a:lvl1pPr marL="0" indent="0">
              <a:buNone/>
              <a:defRPr sz="41300">
                <a:solidFill>
                  <a:srgbClr val="EBE8E5"/>
                </a:solidFill>
              </a:defRPr>
            </a:lvl1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623601" y="648000"/>
            <a:ext cx="7675974" cy="5562000"/>
          </a:xfrm>
        </p:spPr>
        <p:txBody>
          <a:bodyPr anchor="ctr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Freeform: Shape 23">
            <a:extLst>
              <a:ext uri="{FF2B5EF4-FFF2-40B4-BE49-F238E27FC236}">
                <a16:creationId xmlns:a16="http://schemas.microsoft.com/office/drawing/2014/main" id="{CFC03F98-43D5-4866-9EED-B1724A421DE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" name="dynamic year 100" descr="{&quot;templafy&quot;:{&quot;id&quot;:&quot;030395cc-edef-42bb-b9ec-5fcec00ac4d3&quot;}}" title="Form.PLogoChoice.PLogoInsertion">
            <a:extLst>
              <a:ext uri="{FF2B5EF4-FFF2-40B4-BE49-F238E27FC236}">
                <a16:creationId xmlns:a16="http://schemas.microsoft.com/office/drawing/2014/main" id="{F5E8B261-EC29-2FF5-230F-CD67CBFA525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dynamic logo" descr="{&quot;templafy&quot;:{&quot;id&quot;:&quot;e809ed11-9422-47fe-a268-67b17289e99c&quot;}}" title="Form.PLogoChoice.PLogoInsertion">
            <a:extLst>
              <a:ext uri="{FF2B5EF4-FFF2-40B4-BE49-F238E27FC236}">
                <a16:creationId xmlns:a16="http://schemas.microsoft.com/office/drawing/2014/main" id="{0AE4A24C-70EB-BC8C-D2BF-CE49F3D32F08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387873378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92000" y="647700"/>
            <a:ext cx="8976150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79FC834-4845-430D-833F-E27D62F7E107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B39247E-D185-41FD-BF62-F6D03E65C52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70F0230-6038-4355-80ED-FB8CD83128C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4892057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24000" y="3429000"/>
            <a:ext cx="11543999" cy="3104999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0DD836B-4E8F-40F5-B8F7-589382C6DFF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03AE82F-9C53-4FB7-8399-260EEAC48983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BBC4390-ECEC-4EC2-BC84-6A63CD446A04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317204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Trump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A7DD42-50DC-4727-B3D6-62052EA9E55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999" y="1327234"/>
            <a:ext cx="10896001" cy="324000"/>
          </a:xfrm>
        </p:spPr>
        <p:txBody>
          <a:bodyPr/>
          <a:lstStyle>
            <a:lvl1pPr marL="0" indent="0">
              <a:buNone/>
              <a:defRPr sz="1400" b="1" cap="all" baseline="0"/>
            </a:lvl1pPr>
          </a:lstStyle>
          <a:p>
            <a:pPr lvl="0"/>
            <a:r>
              <a:rPr lang="en-US" dirty="0"/>
              <a:t>Click to add trumpet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1C300B8-ABB6-BCEA-C620-D3B5CFF7F2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6000" cy="6056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5245504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6868FC-B7DE-4736-A8C4-5762DBFD1FC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6408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380000" y="1944000"/>
            <a:ext cx="4164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06BE7D1E-8977-4FBA-BE12-1091DAF345C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79101651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3713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6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7380000" y="1944000"/>
            <a:ext cx="4164000" cy="426599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D24B339-4BEF-40F4-99BA-001E3E26118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5327126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4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5999" y="1944000"/>
            <a:ext cx="4164001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624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50C9B3A-1DC8-4D31-931B-2B9DFA8D23B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59989402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64083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1920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892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380000" y="647700"/>
            <a:ext cx="4488000" cy="5886299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136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127018570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6732001" cy="58863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38846121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Cov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3980C894-9D8D-4E84-92B9-6EA4ECCC00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822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3913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3" name="Freeform: Shape 12">
            <a:extLst>
              <a:ext uri="{FF2B5EF4-FFF2-40B4-BE49-F238E27FC236}">
                <a16:creationId xmlns:a16="http://schemas.microsoft.com/office/drawing/2014/main" id="{7FDF5EDE-8F7F-4DF3-B844-7C0C4E6AC641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6C80C8D-1C72-4DEF-843D-58E91667217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6" name="Footer Placeholder 7">
            <a:extLst>
              <a:ext uri="{FF2B5EF4-FFF2-40B4-BE49-F238E27FC236}">
                <a16:creationId xmlns:a16="http://schemas.microsoft.com/office/drawing/2014/main" id="{2BE0DF0F-9C1F-48B6-81C9-DE493CAF27F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8">
            <a:extLst>
              <a:ext uri="{FF2B5EF4-FFF2-40B4-BE49-F238E27FC236}">
                <a16:creationId xmlns:a16="http://schemas.microsoft.com/office/drawing/2014/main" id="{4EC3851D-A362-49B0-86B2-00F14E8191E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ynamic logo white" descr="{&quot;templafy&quot;:{&quot;id&quot;:&quot;99f63abe-57b3-4553-950e-fb8db9e13eb6&quot;}}" title="Form.PLogoChoice.PLogoInsertionWhite">
            <a:extLst>
              <a:ext uri="{FF2B5EF4-FFF2-40B4-BE49-F238E27FC236}">
                <a16:creationId xmlns:a16="http://schemas.microsoft.com/office/drawing/2014/main" id="{6710F327-85FB-CF0C-0969-475E9A09AE20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56386642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624000" y="648000"/>
            <a:ext cx="1920000" cy="5562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4164001" cy="58863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246641170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999" y="647700"/>
            <a:ext cx="5286220" cy="1651119"/>
          </a:xfrm>
        </p:spPr>
        <p:txBody>
          <a:bodyPr anchor="t"/>
          <a:lstStyle>
            <a:lvl1pPr>
              <a:lnSpc>
                <a:spcPct val="100000"/>
              </a:lnSpc>
              <a:defRPr sz="3600" b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4A06B890-E694-4CC8-A7C4-0101B94C346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47700" y="2488123"/>
            <a:ext cx="5286375" cy="371363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F232361E-9641-4D5F-B5F2-E5299AA8C5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257782" y="647700"/>
            <a:ext cx="5610217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296DAD-0E66-436A-9C98-8412698CB71E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578600" y="968516"/>
            <a:ext cx="4965401" cy="52414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005083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A41594FF-878C-4539-A3DF-E2C07894A9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57914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A5150ED-B90C-4AB1-BCB0-E73E86A8D879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76E0E6C7-4501-41F5-82DA-93E27DDCEB4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7834695D-31D7-40E5-BF1E-A049DDB0738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C244FE-0B79-4E3B-B276-2F6B1D5612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0391392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3896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81315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5F91D68D-2FA9-4CAD-8EF0-C0BF3460A3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56264516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345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906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36D757B-F40B-4569-BAF1-AA3404B9E9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15960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 horis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6000" cy="129600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48000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257914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</a:t>
            </a:r>
          </a:p>
          <a:p>
            <a:pPr lvl="7"/>
            <a:r>
              <a:rPr lang="en-US" noProof="0" dirty="0"/>
              <a:t>Level 8</a:t>
            </a:r>
          </a:p>
          <a:p>
            <a:pPr lvl="8"/>
            <a:r>
              <a:rPr lang="en-US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9EC381D6-39E2-4766-8084-72599657FA7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8612558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D4BEBA1-3B3D-4B4B-9C17-2B3431510A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C135AE9C-0192-4702-9483-2D7F6662584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959BE18-6820-417E-88D1-C143F84621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A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895E57C6-792B-4176-9081-325BCB6A734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11BEDE0-B328-47ED-BFE3-B922ED50E40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35EE4FB-E10C-46B3-A75F-6398295944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sz="100" dirty="0"/>
          </a:p>
        </p:txBody>
      </p:sp>
    </p:spTree>
    <p:extLst>
      <p:ext uri="{BB962C8B-B14F-4D97-AF65-F5344CB8AC3E}">
        <p14:creationId xmlns:p14="http://schemas.microsoft.com/office/powerpoint/2010/main" val="4826571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3" name="Date Placeholder 6">
            <a:extLst>
              <a:ext uri="{FF2B5EF4-FFF2-40B4-BE49-F238E27FC236}">
                <a16:creationId xmlns:a16="http://schemas.microsoft.com/office/drawing/2014/main" id="{5E2CB17F-7F37-4D9E-B75C-9007C8729CE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14" name="Footer Placeholder 7">
            <a:extLst>
              <a:ext uri="{FF2B5EF4-FFF2-40B4-BE49-F238E27FC236}">
                <a16:creationId xmlns:a16="http://schemas.microsoft.com/office/drawing/2014/main" id="{74FE5657-0D9D-4DB3-826E-FF66EEDC5E4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sz="100" dirty="0"/>
          </a:p>
        </p:txBody>
      </p:sp>
      <p:sp>
        <p:nvSpPr>
          <p:cNvPr id="15" name="Slide Number Placeholder 8">
            <a:extLst>
              <a:ext uri="{FF2B5EF4-FFF2-40B4-BE49-F238E27FC236}">
                <a16:creationId xmlns:a16="http://schemas.microsoft.com/office/drawing/2014/main" id="{0B3E7C79-1410-4D8B-926D-CF3179FE02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sz="100" dirty="0"/>
          </a:p>
        </p:txBody>
      </p:sp>
    </p:spTree>
    <p:extLst>
      <p:ext uri="{BB962C8B-B14F-4D97-AF65-F5344CB8AC3E}">
        <p14:creationId xmlns:p14="http://schemas.microsoft.com/office/powerpoint/2010/main" val="33572362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500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7999" y="6055882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471420AF-1268-4AE1-84DA-164DB71C2C14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7C86D47D-AFD8-4DC6-BD55-10180E93A99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7" name="Footer Placeholder 7">
            <a:extLst>
              <a:ext uri="{FF2B5EF4-FFF2-40B4-BE49-F238E27FC236}">
                <a16:creationId xmlns:a16="http://schemas.microsoft.com/office/drawing/2014/main" id="{FADB92D4-4128-4A3B-A654-38C0F1360BE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8" name="Slide Number Placeholder 8">
            <a:extLst>
              <a:ext uri="{FF2B5EF4-FFF2-40B4-BE49-F238E27FC236}">
                <a16:creationId xmlns:a16="http://schemas.microsoft.com/office/drawing/2014/main" id="{8E1CB220-B3D7-46B6-BFDD-6B22270FC0F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dynamic logo" descr="{&quot;templafy&quot;:{&quot;id&quot;:&quot;82213005-19b1-4842-9f59-b0de14f9002d&quot;}}" title="Form.PLogoChoice.PLogoInsertion">
            <a:extLst>
              <a:ext uri="{FF2B5EF4-FFF2-40B4-BE49-F238E27FC236}">
                <a16:creationId xmlns:a16="http://schemas.microsoft.com/office/drawing/2014/main" id="{2CF51ADE-B2CC-B4D3-5513-A6A66C77DEB7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6b85331b-3c1e-4183-90f5-1b0c40617904&quot;}}" title="Form.PLogoChoice.PLogoInsertion">
            <a:extLst>
              <a:ext uri="{FF2B5EF4-FFF2-40B4-BE49-F238E27FC236}">
                <a16:creationId xmlns:a16="http://schemas.microsoft.com/office/drawing/2014/main" id="{1E4501D4-80DD-6712-25F4-A6D515CAB8F6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84592733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 TOC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649875" y="2120400"/>
            <a:ext cx="8651288" cy="538934"/>
            <a:chOff x="648000" y="2120400"/>
            <a:chExt cx="8651287" cy="538934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116140" y="2120400"/>
              <a:ext cx="4994426" cy="262800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20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648000" y="2120400"/>
              <a:ext cx="379556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200" b="1" dirty="0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8662293" y="2120400"/>
              <a:ext cx="636994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en-US" sz="1200" dirty="0">
                  <a:solidFill>
                    <a:schemeClr val="tx1"/>
                  </a:solidFill>
                </a:rPr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1116140" y="2396534"/>
              <a:ext cx="1257061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3421771" y="2396534"/>
              <a:ext cx="1388067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6204648" y="2396534"/>
              <a:ext cx="684723" cy="26280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000" dirty="0">
                  <a:solidFill>
                    <a:schemeClr val="tx1"/>
                  </a:solidFill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649875" y="2886557"/>
            <a:ext cx="8651288" cy="538934"/>
            <a:chOff x="1797664" y="1308363"/>
            <a:chExt cx="8651288" cy="538934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65804" y="1308363"/>
              <a:ext cx="4994427" cy="262800"/>
            </a:xfrm>
            <a:prstGeom prst="rect">
              <a:avLst/>
            </a:prstGeom>
            <a:grp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4" y="1308363"/>
              <a:ext cx="379556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9811958" y="1308363"/>
              <a:ext cx="636994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2265804" y="1584497"/>
              <a:ext cx="1257061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4571435" y="1584497"/>
              <a:ext cx="1388067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7354312" y="1584497"/>
              <a:ext cx="684723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649875" y="3652714"/>
            <a:ext cx="8651288" cy="538934"/>
            <a:chOff x="1797663" y="2081912"/>
            <a:chExt cx="8651287" cy="538934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265803" y="2081912"/>
              <a:ext cx="4994426" cy="262800"/>
            </a:xfrm>
            <a:prstGeom prst="rect">
              <a:avLst/>
            </a:prstGeom>
            <a:no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1797663" y="2081912"/>
              <a:ext cx="379556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9811956" y="2081912"/>
              <a:ext cx="636994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2265803" y="2358046"/>
              <a:ext cx="1257061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4571434" y="2358046"/>
              <a:ext cx="1388067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7354310" y="2358046"/>
              <a:ext cx="684723" cy="262800"/>
            </a:xfrm>
            <a:prstGeom prst="rect">
              <a:avLst/>
            </a:prstGeom>
            <a:no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649575" y="4474801"/>
            <a:ext cx="8651588" cy="538934"/>
            <a:chOff x="1797664" y="1967494"/>
            <a:chExt cx="8651588" cy="538934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265804" y="1967494"/>
              <a:ext cx="4994427" cy="262800"/>
            </a:xfrm>
            <a:prstGeom prst="rect">
              <a:avLst/>
            </a:prstGeom>
            <a:grpFill/>
            <a:effectLst/>
          </p:spPr>
          <p:txBody>
            <a:bodyPr vert="horz" wrap="square" lIns="0" tIns="0" rIns="0" bIns="0" rtlCol="0" anchor="ctr">
              <a:normAutofit/>
            </a:bodyPr>
            <a:lstStyle/>
            <a:p>
              <a:pPr algn="l" defTabSz="9334267">
                <a:tabLst>
                  <a:tab pos="9512062" algn="l"/>
                </a:tabLst>
              </a:pPr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1797664" y="1967494"/>
              <a:ext cx="379556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200" b="1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9812258" y="1967494"/>
              <a:ext cx="636994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r"/>
              <a:r>
                <a:rPr lang="en-US" sz="12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2265804" y="2243628"/>
              <a:ext cx="1257061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4571735" y="2243628"/>
              <a:ext cx="1388067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7354611" y="2243628"/>
              <a:ext cx="684723" cy="262800"/>
            </a:xfrm>
            <a:prstGeom prst="rect">
              <a:avLst/>
            </a:prstGeom>
            <a:grpFill/>
            <a:effectLst/>
          </p:spPr>
          <p:txBody>
            <a:bodyPr vert="horz" wrap="none" lIns="0" tIns="0" rIns="0" bIns="0" rtlCol="0" anchor="ctr">
              <a:noAutofit/>
            </a:bodyPr>
            <a:lstStyle/>
            <a:p>
              <a:pPr algn="l"/>
              <a:r>
                <a:rPr lang="en-US" sz="1000" b="0" i="0" u="none" strike="noStrike" dirty="0">
                  <a:solidFill>
                    <a:schemeClr val="tx1"/>
                  </a:solidFill>
                  <a:latin typeface="Apis For Office" panose="020B0604020202020204" charset="0"/>
                </a:rPr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ACC69C51-152E-42EB-9E33-2953A61CF398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>
          <a:xfrm>
            <a:off x="648000" y="648000"/>
            <a:ext cx="6406850" cy="694663"/>
          </a:xfrm>
        </p:spPr>
        <p:txBody>
          <a:bodyPr anchor="t"/>
          <a:lstStyle>
            <a:lvl1pPr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BEAC6E4-F34E-C8E7-3EE6-EBAF68C864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91B7CAE-3673-9F2C-CEC3-DD3AC3C50C5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1AB8224-9D13-0477-381E-9E06AE6FAE1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49D40B05-6144-8FA9-C28C-8E4E3FE5B0F6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rgbClr val="FFFFFF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0" name="dynamic logo white" descr="{&quot;templafy&quot;:{&quot;id&quot;:&quot;59f1d9fc-aeee-449f-a6f7-588e60be91c9&quot;}}" title="Form.PLogoChoice.PLogoInsertionWhite">
            <a:extLst>
              <a:ext uri="{FF2B5EF4-FFF2-40B4-BE49-F238E27FC236}">
                <a16:creationId xmlns:a16="http://schemas.microsoft.com/office/drawing/2014/main" id="{1A6A96C2-0B73-E670-4F39-F1FDDA60D261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4610824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F3BC2A95-D6F3-C873-0C4F-968220225C6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749301" y="3127375"/>
            <a:ext cx="10423524" cy="603250"/>
            <a:chOff x="1595205" y="1927239"/>
            <a:chExt cx="6143204" cy="603250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42645" y="1927239"/>
              <a:ext cx="5495764" cy="603250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595205" y="1927239"/>
              <a:ext cx="647442" cy="60325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400" b="1" dirty="0">
                  <a:solidFill>
                    <a:schemeClr val="bg1"/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749301" y="3127375"/>
            <a:ext cx="10423523" cy="603250"/>
            <a:chOff x="1595205" y="1927239"/>
            <a:chExt cx="6143204" cy="603250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242645" y="1927239"/>
              <a:ext cx="5495764" cy="603250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400" b="1" dirty="0">
                  <a:solidFill>
                    <a:schemeClr val="bg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595205" y="1927239"/>
              <a:ext cx="647442" cy="60325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400" b="1" dirty="0">
                  <a:solidFill>
                    <a:schemeClr val="bg1"/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400" b="1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E0DBF30-E737-9B72-7BCE-6AAF7DB68DA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46C61A8-A907-429E-B74A-EFE0C718505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AB9F0A-4D38-6AC3-6ABD-0F8B46103A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reeform: Shape 6">
            <a:extLst>
              <a:ext uri="{FF2B5EF4-FFF2-40B4-BE49-F238E27FC236}">
                <a16:creationId xmlns:a16="http://schemas.microsoft.com/office/drawing/2014/main" id="{C84AD194-DB6D-51A5-BDB1-27DCA11A0D92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" name="dynamic logo white" descr="{&quot;templafy&quot;:{&quot;id&quot;:&quot;4ad1fa36-24c1-4ef3-bae9-c1535ed527a0&quot;}}" title="Form.PLogoChoice.PLogoInsertionWhite">
            <a:extLst>
              <a:ext uri="{FF2B5EF4-FFF2-40B4-BE49-F238E27FC236}">
                <a16:creationId xmlns:a16="http://schemas.microsoft.com/office/drawing/2014/main" id="{4C8B24A5-6FA4-69B5-BF18-CC32917C434E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3429510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CB97ADE-DB50-43D7-B6D7-6AA6A44173B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62254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B13A6A0-AAC5-4762-99A3-8E67DE5BC58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6A718C-8117-4521-935E-A616BB58A8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Box 3">
            <a:extLst>
              <a:ext uri="{FF2B5EF4-FFF2-40B4-BE49-F238E27FC236}">
                <a16:creationId xmlns:a16="http://schemas.microsoft.com/office/drawing/2014/main" id="{B82AC4B4-CADE-20C1-7FDB-8AAC5E43A47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428452"/>
            <a:ext cx="2786833" cy="40010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</p:txBody>
      </p:sp>
      <p:sp>
        <p:nvSpPr>
          <p:cNvPr id="6" name="Text Box 2">
            <a:extLst>
              <a:ext uri="{FF2B5EF4-FFF2-40B4-BE49-F238E27FC236}">
                <a16:creationId xmlns:a16="http://schemas.microsoft.com/office/drawing/2014/main" id="{BA76E542-DB9C-D84A-C66E-A0AE87C4FFE0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47700" y="1434082"/>
            <a:ext cx="2280360" cy="50013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196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8F7E2418-BDC7-BE7A-66D4-F96CC03BAB7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967579" y="3143286"/>
            <a:ext cx="257143" cy="285714"/>
          </a:xfrm>
          <a:prstGeom prst="rect">
            <a:avLst/>
          </a:prstGeom>
        </p:spPr>
      </p:pic>
      <p:pic>
        <p:nvPicPr>
          <p:cNvPr id="8" name="Picture 29">
            <a:extLst>
              <a:ext uri="{FF2B5EF4-FFF2-40B4-BE49-F238E27FC236}">
                <a16:creationId xmlns:a16="http://schemas.microsoft.com/office/drawing/2014/main" id="{12752743-2485-3862-B5EC-789D88B1C9E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968120" y="2420103"/>
            <a:ext cx="457143" cy="257143"/>
          </a:xfrm>
          <a:prstGeom prst="rect">
            <a:avLst/>
          </a:prstGeom>
        </p:spPr>
      </p:pic>
      <p:pic>
        <p:nvPicPr>
          <p:cNvPr id="9" name="Picture 33">
            <a:extLst>
              <a:ext uri="{FF2B5EF4-FFF2-40B4-BE49-F238E27FC236}">
                <a16:creationId xmlns:a16="http://schemas.microsoft.com/office/drawing/2014/main" id="{0E9AB818-AB04-348D-8000-48224FE3FB6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54412" y="2939262"/>
            <a:ext cx="341204" cy="321707"/>
          </a:xfrm>
          <a:prstGeom prst="rect">
            <a:avLst/>
          </a:prstGeom>
        </p:spPr>
      </p:pic>
      <p:pic>
        <p:nvPicPr>
          <p:cNvPr id="10" name="Picture 16">
            <a:extLst>
              <a:ext uri="{FF2B5EF4-FFF2-40B4-BE49-F238E27FC236}">
                <a16:creationId xmlns:a16="http://schemas.microsoft.com/office/drawing/2014/main" id="{92365D11-E7F8-7109-B971-EED59FB60BC3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74001" y="4133838"/>
            <a:ext cx="328881" cy="505501"/>
          </a:xfrm>
          <a:prstGeom prst="rect">
            <a:avLst/>
          </a:prstGeom>
        </p:spPr>
      </p:pic>
      <p:pic>
        <p:nvPicPr>
          <p:cNvPr id="11" name="Picture 20">
            <a:extLst>
              <a:ext uri="{FF2B5EF4-FFF2-40B4-BE49-F238E27FC236}">
                <a16:creationId xmlns:a16="http://schemas.microsoft.com/office/drawing/2014/main" id="{FB15E05D-9E3B-A123-4428-C4E65ACB7E2A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74001" y="5461991"/>
            <a:ext cx="538465" cy="172841"/>
          </a:xfrm>
          <a:prstGeom prst="rect">
            <a:avLst/>
          </a:prstGeom>
        </p:spPr>
      </p:pic>
      <p:pic>
        <p:nvPicPr>
          <p:cNvPr id="12" name="Picture 19">
            <a:extLst>
              <a:ext uri="{FF2B5EF4-FFF2-40B4-BE49-F238E27FC236}">
                <a16:creationId xmlns:a16="http://schemas.microsoft.com/office/drawing/2014/main" id="{BD89D20E-1919-3687-114A-C7E9F348C9AB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310433" y="3749002"/>
            <a:ext cx="313788" cy="543900"/>
          </a:xfrm>
          <a:prstGeom prst="rect">
            <a:avLst/>
          </a:prstGeom>
        </p:spPr>
      </p:pic>
      <p:sp>
        <p:nvSpPr>
          <p:cNvPr id="13" name="Text Box 4">
            <a:extLst>
              <a:ext uri="{FF2B5EF4-FFF2-40B4-BE49-F238E27FC236}">
                <a16:creationId xmlns:a16="http://schemas.microsoft.com/office/drawing/2014/main" id="{DAFE49F7-8BE5-96E8-15D6-5BCD09854B5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729773" y="1428452"/>
            <a:ext cx="2358243" cy="4154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Insert predefined slides and elements. Click the blue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Templafy 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button and choose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s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 and </a:t>
            </a:r>
            <a:r>
              <a:rPr kumimoji="0" lang="en-US" altLang="da-DK" sz="900" b="1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Slide elements 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in the Templafy pane on the right side of the screen.</a:t>
            </a:r>
            <a:br>
              <a:rPr kumimoji="0" lang="en-US" altLang="da-DK" sz="16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+mn-lt"/>
                <a:ea typeface="+mn-ea"/>
                <a:cs typeface="Arial" panose="020B0604020202020204" pitchFamily="34" charset="0"/>
              </a:rPr>
            </a:br>
            <a:endParaRPr lang="en-US" sz="1600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EADER </a:t>
            </a: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4" name="Fast overskrift">
            <a:extLst>
              <a:ext uri="{FF2B5EF4-FFF2-40B4-BE49-F238E27FC236}">
                <a16:creationId xmlns:a16="http://schemas.microsoft.com/office/drawing/2014/main" id="{8E33FDE5-8E17-7F8D-BC99-486DA774F52E}"/>
              </a:ext>
            </a:extLst>
          </p:cNvPr>
          <p:cNvSpPr txBox="1"/>
          <p:nvPr userDrawn="1"/>
        </p:nvSpPr>
        <p:spPr>
          <a:xfrm>
            <a:off x="647700" y="448713"/>
            <a:ext cx="1100137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rgbClr val="001965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53892759-C4B6-4BDD-8735-886F2E05EE1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974000" y="4897450"/>
            <a:ext cx="475428" cy="176762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A1740165-4EB8-F65C-8E17-DF7AB9E572E5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029" b="2593"/>
          <a:stretch/>
        </p:blipFill>
        <p:spPr>
          <a:xfrm>
            <a:off x="7183300" y="1664025"/>
            <a:ext cx="1046300" cy="519148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83B219DD-4D39-78A1-267E-BE359226E017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9458" b="2593"/>
          <a:stretch/>
        </p:blipFill>
        <p:spPr>
          <a:xfrm>
            <a:off x="7183300" y="5730260"/>
            <a:ext cx="340068" cy="519148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64B48F98-737E-2B07-5676-868E5F9E8A46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rcRect r="69458" b="2593"/>
          <a:stretch/>
        </p:blipFill>
        <p:spPr>
          <a:xfrm>
            <a:off x="11021150" y="1980243"/>
            <a:ext cx="340068" cy="519148"/>
          </a:xfrm>
          <a:prstGeom prst="rect">
            <a:avLst/>
          </a:prstGeom>
        </p:spPr>
      </p:pic>
      <p:sp>
        <p:nvSpPr>
          <p:cNvPr id="19" name="Text Box 4">
            <a:extLst>
              <a:ext uri="{FF2B5EF4-FFF2-40B4-BE49-F238E27FC236}">
                <a16:creationId xmlns:a16="http://schemas.microsoft.com/office/drawing/2014/main" id="{53B1BADF-59C2-569F-DD8D-299311735FE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4659" y="5461991"/>
            <a:ext cx="2358243" cy="8771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TEMPLAT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Click the blue </a:t>
            </a:r>
            <a:r>
              <a:rPr lang="en-US" altLang="da-DK" sz="900" b="1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rgbClr val="001965"/>
                </a:solidFill>
                <a:latin typeface="+mn-lt"/>
                <a:cs typeface="Arial" panose="020B0604020202020204" pitchFamily="34" charset="0"/>
              </a:rPr>
              <a:t>button and click on ‘Find template’ in the bottom of the Templafy pane on the right side of the screen</a:t>
            </a:r>
            <a:r>
              <a:rPr kumimoji="0" lang="en-US" altLang="da-DK" sz="900" b="0" i="0" u="none" strike="noStrike" kern="1200" cap="none" spc="0" normalizeH="0" baseline="0" noProof="1">
                <a:ln>
                  <a:noFill/>
                </a:ln>
                <a:solidFill>
                  <a:srgbClr val="001965"/>
                </a:solidFill>
                <a:effectLst/>
                <a:uLnTx/>
                <a:uFillTx/>
                <a:latin typeface="Apis For Office"/>
                <a:ea typeface="+mn-ea"/>
                <a:cs typeface="Arial" panose="020B0604020202020204" pitchFamily="34" charset="0"/>
              </a:rPr>
              <a:t>.</a:t>
            </a:r>
            <a:endParaRPr lang="en-US" altLang="da-DK" sz="900" b="1" noProof="1">
              <a:solidFill>
                <a:srgbClr val="001965"/>
              </a:solidFill>
              <a:latin typeface="+mn-lt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136356" y="2163600"/>
            <a:ext cx="6408844" cy="2379600"/>
          </a:xfrm>
        </p:spPr>
        <p:txBody>
          <a:bodyPr anchor="ctr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8" name="Text Placeholder 9">
            <a:extLst>
              <a:ext uri="{FF2B5EF4-FFF2-40B4-BE49-F238E27FC236}">
                <a16:creationId xmlns:a16="http://schemas.microsoft.com/office/drawing/2014/main" id="{F3DB85B7-7760-4094-B5B7-6A45B6116B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36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Insert name</a:t>
            </a:r>
          </a:p>
        </p:txBody>
      </p:sp>
      <p:sp>
        <p:nvSpPr>
          <p:cNvPr id="31" name="Date Placeholder 6">
            <a:extLst>
              <a:ext uri="{FF2B5EF4-FFF2-40B4-BE49-F238E27FC236}">
                <a16:creationId xmlns:a16="http://schemas.microsoft.com/office/drawing/2014/main" id="{353E10AF-D600-4770-A150-4A8ED3F945C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5136000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7ACB837-D775-4027-8A9A-8A934ABD2C6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4000" y="324000"/>
            <a:ext cx="4488000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here and insert picture via Templafy</a:t>
            </a:r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2DB09BC2-598E-40D3-B291-F2AE97681E1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3" name="Footer Placeholder 7">
            <a:extLst>
              <a:ext uri="{FF2B5EF4-FFF2-40B4-BE49-F238E27FC236}">
                <a16:creationId xmlns:a16="http://schemas.microsoft.com/office/drawing/2014/main" id="{6065F747-4561-4901-98B7-BF52331654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8">
            <a:extLst>
              <a:ext uri="{FF2B5EF4-FFF2-40B4-BE49-F238E27FC236}">
                <a16:creationId xmlns:a16="http://schemas.microsoft.com/office/drawing/2014/main" id="{871C597D-634C-4C0B-95AD-0C969D58456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dynamic logo" descr="{&quot;templafy&quot;:{&quot;id&quot;:&quot;0c2a7980-4e34-4ba3-a512-3b1b1e10cce7&quot;}}" title="Form.PLogoChoice.PLogoInsertion">
            <a:extLst>
              <a:ext uri="{FF2B5EF4-FFF2-40B4-BE49-F238E27FC236}">
                <a16:creationId xmlns:a16="http://schemas.microsoft.com/office/drawing/2014/main" id="{519FA106-F411-F9C9-D449-308F55049C8F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338c16ac-f273-427c-872a-10119817d4de&quot;}}" title="Form.PLogoChoice.PLogoInsertion">
            <a:extLst>
              <a:ext uri="{FF2B5EF4-FFF2-40B4-BE49-F238E27FC236}">
                <a16:creationId xmlns:a16="http://schemas.microsoft.com/office/drawing/2014/main" id="{6031507D-6644-A3B6-BBED-4B812C95A40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EF3B750-FD0B-4117-8CF8-02751916C1F8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01 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5A42DB6-37C7-4655-8383-4D4C615303B7}"/>
              </a:ext>
            </a:extLst>
          </p:cNvPr>
          <p:cNvSpPr txBox="1"/>
          <p:nvPr userDrawn="1"/>
        </p:nvSpPr>
        <p:spPr>
          <a:xfrm>
            <a:off x="7381875" y="2819981"/>
            <a:ext cx="4162126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US" sz="7200" dirty="0">
                <a:solidFill>
                  <a:schemeClr val="bg1"/>
                </a:solidFill>
              </a:rPr>
              <a:t>Agenda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4BBEEFE-FD1C-41BE-8701-C445D2EB12C0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5" name="dynamic logo white" descr="{&quot;templafy&quot;:{&quot;id&quot;:&quot;8eccbfc3-6eb6-42e2-ae4e-016bbab015c3&quot;}}" title="Form.PLogoChoice.PLogoInsertionWhite">
            <a:extLst>
              <a:ext uri="{FF2B5EF4-FFF2-40B4-BE49-F238E27FC236}">
                <a16:creationId xmlns:a16="http://schemas.microsoft.com/office/drawing/2014/main" id="{6ED7F931-BA7C-4B68-C51D-0E73BD0BBFC9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AB77215-63F5-457D-BB11-70300B8118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tx2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tx2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noProof="0" dirty="0"/>
              <a:t>01 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" name="dynamic logo" descr="{&quot;templafy&quot;:{&quot;id&quot;:&quot;597db385-7ff1-42b2-97f0-c51500c7a7c8&quot;}}" title="Form.PLogoChoice.PLogoInsertion">
            <a:extLst>
              <a:ext uri="{FF2B5EF4-FFF2-40B4-BE49-F238E27FC236}">
                <a16:creationId xmlns:a16="http://schemas.microsoft.com/office/drawing/2014/main" id="{3812ECF8-B6AF-45BC-FBA9-ACA31DD77C6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5" name="dynamic year 100" descr="{&quot;templafy&quot;:{&quot;id&quot;:&quot;168bd182-9ef5-4e3d-b512-1d83c5fd765c&quot;}}" hidden="1" title="Form.PLogoChoice.PLogoInsertion">
            <a:extLst>
              <a:ext uri="{FF2B5EF4-FFF2-40B4-BE49-F238E27FC236}">
                <a16:creationId xmlns:a16="http://schemas.microsoft.com/office/drawing/2014/main" id="{97129AA5-5F6C-4D56-9FE7-7F7D411655B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098007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anded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C2AD94F7-3470-4EDF-8360-C604BB358116}" type="datetime3">
              <a:rPr lang="en-US" smtClean="0"/>
              <a:t>20 March 2025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5" name="dynamic year 100" descr="{&quot;templafy&quot;:{&quot;id&quot;:&quot;73490c22-471e-4781-8099-e9f104573d1e&quot;}}" title="Form.PLogoChoice.PLogoInsertion">
            <a:extLst>
              <a:ext uri="{FF2B5EF4-FFF2-40B4-BE49-F238E27FC236}">
                <a16:creationId xmlns:a16="http://schemas.microsoft.com/office/drawing/2014/main" id="{289874BE-970D-D4C8-9E09-95F2102C6FC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dynamic logo" descr="{&quot;templafy&quot;:{&quot;id&quot;:&quot;a87b6fe3-e5ce-4035-b8f6-f5dd1d7a8ea7&quot;}}" title="Form.PLogoChoice.PLogoInsertion">
            <a:extLst>
              <a:ext uri="{FF2B5EF4-FFF2-40B4-BE49-F238E27FC236}">
                <a16:creationId xmlns:a16="http://schemas.microsoft.com/office/drawing/2014/main" id="{E9B6A2DE-5699-838D-85ED-F231108A9E4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77120114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Agenda">
    <p:bg bwMode="grayWhite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494AFEEA-94E5-4AC9-A1E0-1C0A39ED59BF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E04617A3-773E-4D38-A193-F8C5B6A520C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A2A3BC1C-0A3F-4D46-8A19-9812D28C2BA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2892000" y="648000"/>
            <a:ext cx="6408000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noProof="0" dirty="0"/>
              <a:t>Agenda poin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E35705F-E398-47AC-9EC0-7584A114B9A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647999" y="648000"/>
            <a:ext cx="1920001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09.00-09.30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 bwMode="gray"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2" name="dynamic logo" descr="{&quot;templafy&quot;:{&quot;id&quot;:&quot;a88af93e-5263-4040-8510-a0afaf0846d9&quot;}}" title="Form.PLogoChoice.PLogoInsertion">
            <a:extLst>
              <a:ext uri="{FF2B5EF4-FFF2-40B4-BE49-F238E27FC236}">
                <a16:creationId xmlns:a16="http://schemas.microsoft.com/office/drawing/2014/main" id="{DBA87621-FA2E-E421-4CC1-24DDCD64E244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dynamic year 100" descr="{&quot;templafy&quot;:{&quot;id&quot;:&quot;194304f5-a506-44bf-af87-2a6a96f3de78&quot;}}" title="Form.PLogoChoice.PLogoInsertion">
            <a:extLst>
              <a:ext uri="{FF2B5EF4-FFF2-40B4-BE49-F238E27FC236}">
                <a16:creationId xmlns:a16="http://schemas.microsoft.com/office/drawing/2014/main" id="{51093488-6AB7-37A0-89EA-AB79F453A222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6840844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Divid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97E7C513-B1CD-4706-976C-28D5F1922773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5562000"/>
          </a:xfrm>
        </p:spPr>
        <p:txBody>
          <a:bodyPr anchor="ctr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7" name="Freeform: Shape 26">
            <a:extLst>
              <a:ext uri="{FF2B5EF4-FFF2-40B4-BE49-F238E27FC236}">
                <a16:creationId xmlns:a16="http://schemas.microsoft.com/office/drawing/2014/main" id="{3602F927-C35A-415E-909F-7517AD1B0FFA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6" name="dynamic logo white" descr="{&quot;templafy&quot;:{&quot;id&quot;:&quot;589a898a-484b-4c47-97f9-c45ef62316f7&quot;}}" title="Form.PLogoChoice.PLogoInsertionWhite">
            <a:extLst>
              <a:ext uri="{FF2B5EF4-FFF2-40B4-BE49-F238E27FC236}">
                <a16:creationId xmlns:a16="http://schemas.microsoft.com/office/drawing/2014/main" id="{87CB8881-FDC3-C4D2-8ABE-C8D9F50F5E75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117" Type="http://schemas.openxmlformats.org/officeDocument/2006/relationships/tags" Target="../tags/tag83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8.xml"/><Relationship Id="rId47" Type="http://schemas.openxmlformats.org/officeDocument/2006/relationships/tags" Target="../tags/tag13.xml"/><Relationship Id="rId63" Type="http://schemas.openxmlformats.org/officeDocument/2006/relationships/tags" Target="../tags/tag29.xml"/><Relationship Id="rId68" Type="http://schemas.openxmlformats.org/officeDocument/2006/relationships/tags" Target="../tags/tag34.xml"/><Relationship Id="rId84" Type="http://schemas.openxmlformats.org/officeDocument/2006/relationships/tags" Target="../tags/tag50.xml"/><Relationship Id="rId89" Type="http://schemas.openxmlformats.org/officeDocument/2006/relationships/tags" Target="../tags/tag55.xml"/><Relationship Id="rId112" Type="http://schemas.openxmlformats.org/officeDocument/2006/relationships/tags" Target="../tags/tag78.xml"/><Relationship Id="rId16" Type="http://schemas.openxmlformats.org/officeDocument/2006/relationships/slideLayout" Target="../slideLayouts/slideLayout16.xml"/><Relationship Id="rId107" Type="http://schemas.openxmlformats.org/officeDocument/2006/relationships/tags" Target="../tags/tag73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3.xml"/><Relationship Id="rId53" Type="http://schemas.openxmlformats.org/officeDocument/2006/relationships/tags" Target="../tags/tag19.xml"/><Relationship Id="rId58" Type="http://schemas.openxmlformats.org/officeDocument/2006/relationships/tags" Target="../tags/tag24.xml"/><Relationship Id="rId74" Type="http://schemas.openxmlformats.org/officeDocument/2006/relationships/tags" Target="../tags/tag40.xml"/><Relationship Id="rId79" Type="http://schemas.openxmlformats.org/officeDocument/2006/relationships/tags" Target="../tags/tag45.xml"/><Relationship Id="rId102" Type="http://schemas.openxmlformats.org/officeDocument/2006/relationships/tags" Target="../tags/tag68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56.xml"/><Relationship Id="rId95" Type="http://schemas.openxmlformats.org/officeDocument/2006/relationships/tags" Target="../tags/tag61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9.xml"/><Relationship Id="rId48" Type="http://schemas.openxmlformats.org/officeDocument/2006/relationships/tags" Target="../tags/tag14.xml"/><Relationship Id="rId64" Type="http://schemas.openxmlformats.org/officeDocument/2006/relationships/tags" Target="../tags/tag30.xml"/><Relationship Id="rId69" Type="http://schemas.openxmlformats.org/officeDocument/2006/relationships/tags" Target="../tags/tag35.xml"/><Relationship Id="rId113" Type="http://schemas.openxmlformats.org/officeDocument/2006/relationships/tags" Target="../tags/tag79.xml"/><Relationship Id="rId118" Type="http://schemas.openxmlformats.org/officeDocument/2006/relationships/tags" Target="../tags/tag84.xml"/><Relationship Id="rId80" Type="http://schemas.openxmlformats.org/officeDocument/2006/relationships/tags" Target="../tags/tag46.xml"/><Relationship Id="rId85" Type="http://schemas.openxmlformats.org/officeDocument/2006/relationships/tags" Target="../tags/tag5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4.xml"/><Relationship Id="rId59" Type="http://schemas.openxmlformats.org/officeDocument/2006/relationships/tags" Target="../tags/tag25.xml"/><Relationship Id="rId103" Type="http://schemas.openxmlformats.org/officeDocument/2006/relationships/tags" Target="../tags/tag69.xml"/><Relationship Id="rId108" Type="http://schemas.openxmlformats.org/officeDocument/2006/relationships/tags" Target="../tags/tag74.xml"/><Relationship Id="rId54" Type="http://schemas.openxmlformats.org/officeDocument/2006/relationships/tags" Target="../tags/tag20.xml"/><Relationship Id="rId70" Type="http://schemas.openxmlformats.org/officeDocument/2006/relationships/tags" Target="../tags/tag36.xml"/><Relationship Id="rId75" Type="http://schemas.openxmlformats.org/officeDocument/2006/relationships/tags" Target="../tags/tag41.xml"/><Relationship Id="rId91" Type="http://schemas.openxmlformats.org/officeDocument/2006/relationships/tags" Target="../tags/tag57.xml"/><Relationship Id="rId96" Type="http://schemas.openxmlformats.org/officeDocument/2006/relationships/tags" Target="../tags/tag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5.xml"/><Relationship Id="rId114" Type="http://schemas.openxmlformats.org/officeDocument/2006/relationships/tags" Target="../tags/tag80.xml"/><Relationship Id="rId119" Type="http://schemas.openxmlformats.org/officeDocument/2006/relationships/tags" Target="../tags/tag85.xml"/><Relationship Id="rId44" Type="http://schemas.openxmlformats.org/officeDocument/2006/relationships/tags" Target="../tags/tag10.xml"/><Relationship Id="rId60" Type="http://schemas.openxmlformats.org/officeDocument/2006/relationships/tags" Target="../tags/tag26.xml"/><Relationship Id="rId65" Type="http://schemas.openxmlformats.org/officeDocument/2006/relationships/tags" Target="../tags/tag31.xml"/><Relationship Id="rId81" Type="http://schemas.openxmlformats.org/officeDocument/2006/relationships/tags" Target="../tags/tag47.xml"/><Relationship Id="rId86" Type="http://schemas.openxmlformats.org/officeDocument/2006/relationships/tags" Target="../tags/tag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5.xml"/><Relationship Id="rId109" Type="http://schemas.openxmlformats.org/officeDocument/2006/relationships/tags" Target="../tags/tag75.xml"/><Relationship Id="rId34" Type="http://schemas.openxmlformats.org/officeDocument/2006/relationships/theme" Target="../theme/theme1.xml"/><Relationship Id="rId50" Type="http://schemas.openxmlformats.org/officeDocument/2006/relationships/tags" Target="../tags/tag16.xml"/><Relationship Id="rId55" Type="http://schemas.openxmlformats.org/officeDocument/2006/relationships/tags" Target="../tags/tag21.xml"/><Relationship Id="rId76" Type="http://schemas.openxmlformats.org/officeDocument/2006/relationships/tags" Target="../tags/tag42.xml"/><Relationship Id="rId97" Type="http://schemas.openxmlformats.org/officeDocument/2006/relationships/tags" Target="../tags/tag63.xml"/><Relationship Id="rId104" Type="http://schemas.openxmlformats.org/officeDocument/2006/relationships/tags" Target="../tags/tag70.xml"/><Relationship Id="rId120" Type="http://schemas.openxmlformats.org/officeDocument/2006/relationships/tags" Target="../tags/tag8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37.xml"/><Relationship Id="rId92" Type="http://schemas.openxmlformats.org/officeDocument/2006/relationships/tags" Target="../tags/tag58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6.xml"/><Relationship Id="rId45" Type="http://schemas.openxmlformats.org/officeDocument/2006/relationships/tags" Target="../tags/tag11.xml"/><Relationship Id="rId66" Type="http://schemas.openxmlformats.org/officeDocument/2006/relationships/tags" Target="../tags/tag32.xml"/><Relationship Id="rId87" Type="http://schemas.openxmlformats.org/officeDocument/2006/relationships/tags" Target="../tags/tag53.xml"/><Relationship Id="rId110" Type="http://schemas.openxmlformats.org/officeDocument/2006/relationships/tags" Target="../tags/tag76.xml"/><Relationship Id="rId115" Type="http://schemas.openxmlformats.org/officeDocument/2006/relationships/tags" Target="../tags/tag81.xml"/><Relationship Id="rId61" Type="http://schemas.openxmlformats.org/officeDocument/2006/relationships/tags" Target="../tags/tag27.xml"/><Relationship Id="rId82" Type="http://schemas.openxmlformats.org/officeDocument/2006/relationships/tags" Target="../tags/tag48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1.xml"/><Relationship Id="rId56" Type="http://schemas.openxmlformats.org/officeDocument/2006/relationships/tags" Target="../tags/tag22.xml"/><Relationship Id="rId77" Type="http://schemas.openxmlformats.org/officeDocument/2006/relationships/tags" Target="../tags/tag43.xml"/><Relationship Id="rId100" Type="http://schemas.openxmlformats.org/officeDocument/2006/relationships/tags" Target="../tags/tag66.xml"/><Relationship Id="rId105" Type="http://schemas.openxmlformats.org/officeDocument/2006/relationships/tags" Target="../tags/tag7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7.xml"/><Relationship Id="rId72" Type="http://schemas.openxmlformats.org/officeDocument/2006/relationships/tags" Target="../tags/tag38.xml"/><Relationship Id="rId93" Type="http://schemas.openxmlformats.org/officeDocument/2006/relationships/tags" Target="../tags/tag59.xml"/><Relationship Id="rId98" Type="http://schemas.openxmlformats.org/officeDocument/2006/relationships/tags" Target="../tags/tag64.xml"/><Relationship Id="rId121" Type="http://schemas.openxmlformats.org/officeDocument/2006/relationships/tags" Target="../tags/tag87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2.xml"/><Relationship Id="rId67" Type="http://schemas.openxmlformats.org/officeDocument/2006/relationships/tags" Target="../tags/tag33.xml"/><Relationship Id="rId116" Type="http://schemas.openxmlformats.org/officeDocument/2006/relationships/tags" Target="../tags/tag82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7.xml"/><Relationship Id="rId62" Type="http://schemas.openxmlformats.org/officeDocument/2006/relationships/tags" Target="../tags/tag28.xml"/><Relationship Id="rId83" Type="http://schemas.openxmlformats.org/officeDocument/2006/relationships/tags" Target="../tags/tag49.xml"/><Relationship Id="rId88" Type="http://schemas.openxmlformats.org/officeDocument/2006/relationships/tags" Target="../tags/tag54.xml"/><Relationship Id="rId111" Type="http://schemas.openxmlformats.org/officeDocument/2006/relationships/tags" Target="../tags/tag77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2.xml"/><Relationship Id="rId57" Type="http://schemas.openxmlformats.org/officeDocument/2006/relationships/tags" Target="../tags/tag23.xml"/><Relationship Id="rId106" Type="http://schemas.openxmlformats.org/officeDocument/2006/relationships/tags" Target="../tags/tag72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18.xml"/><Relationship Id="rId73" Type="http://schemas.openxmlformats.org/officeDocument/2006/relationships/tags" Target="../tags/tag39.xml"/><Relationship Id="rId78" Type="http://schemas.openxmlformats.org/officeDocument/2006/relationships/tags" Target="../tags/tag44.xml"/><Relationship Id="rId94" Type="http://schemas.openxmlformats.org/officeDocument/2006/relationships/tags" Target="../tags/tag60.xml"/><Relationship Id="rId99" Type="http://schemas.openxmlformats.org/officeDocument/2006/relationships/tags" Target="../tags/tag65.xml"/><Relationship Id="rId101" Type="http://schemas.openxmlformats.org/officeDocument/2006/relationships/tags" Target="../tags/tag67.xml"/><Relationship Id="rId122" Type="http://schemas.openxmlformats.org/officeDocument/2006/relationships/tags" Target="../tags/tag8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48000" y="1944000"/>
            <a:ext cx="10896000" cy="4266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</a:p>
          <a:p>
            <a:pPr lvl="1"/>
            <a:r>
              <a:rPr lang="en-US" noProof="0" dirty="0"/>
              <a:t>Level 2</a:t>
            </a:r>
          </a:p>
          <a:p>
            <a:pPr lvl="2"/>
            <a:r>
              <a:rPr lang="en-US" noProof="0" dirty="0"/>
              <a:t>Level 3</a:t>
            </a:r>
          </a:p>
          <a:p>
            <a:pPr lvl="3"/>
            <a:r>
              <a:rPr lang="en-US" noProof="0" dirty="0"/>
              <a:t>Level 4, Header</a:t>
            </a:r>
          </a:p>
          <a:p>
            <a:pPr lvl="4"/>
            <a:r>
              <a:rPr lang="en-US" noProof="0" dirty="0"/>
              <a:t>Level 5, Body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, Small Header</a:t>
            </a:r>
          </a:p>
          <a:p>
            <a:pPr lvl="7"/>
            <a:r>
              <a:rPr lang="en-US" noProof="0" dirty="0"/>
              <a:t>Level 8, Small Body</a:t>
            </a:r>
          </a:p>
          <a:p>
            <a:pPr lvl="8"/>
            <a:r>
              <a:rPr lang="en-US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6000" cy="129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48000" y="324000"/>
            <a:ext cx="1920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892712" y="323850"/>
            <a:ext cx="4162138" cy="1260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24000" y="324000"/>
            <a:ext cx="324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78D69B5-2783-4637-A949-A867EE4EFE6B}"/>
              </a:ext>
            </a:extLst>
          </p:cNvPr>
          <p:cNvSpPr txBox="1"/>
          <p:nvPr userDrawn="1"/>
        </p:nvSpPr>
        <p:spPr>
          <a:xfrm>
            <a:off x="11218069" y="324000"/>
            <a:ext cx="648494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US" sz="700" dirty="0">
                <a:solidFill>
                  <a:schemeClr val="tx2"/>
                </a:solidFill>
              </a:rPr>
              <a:t>Novo Nordisk</a:t>
            </a:r>
            <a:r>
              <a:rPr lang="en-US" sz="700" baseline="30000" dirty="0">
                <a:solidFill>
                  <a:schemeClr val="tx2"/>
                </a:solidFill>
              </a:rPr>
              <a:t>®</a:t>
            </a:r>
          </a:p>
        </p:txBody>
      </p:sp>
      <p:sp>
        <p:nvSpPr>
          <p:cNvPr id="4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25.51181&lt;/Left&gt;&#10;      &lt;Top&gt;25.51181&lt;/Top&gt;&#10;      &lt;Width&gt;25.51181&lt;/Width&gt;&#10;      &lt;Height&gt;25.51181&lt;/Height&gt;&#10;    &lt;/SubGrid&gt;&#10;    &lt;SubGrid&gt;&#10;      &lt;Left&gt;51.02362&lt;/Left&gt;&#10;      &lt;Top&gt;25.51181&lt;/Top&gt;&#10;      &lt;Width&gt;151.1811&lt;/Width&gt;&#10;      &lt;Height&gt;25.51181&lt;/Height&gt;&#10;    &lt;/SubGrid&gt;&#10;    &lt;SubGrid&gt;&#10;      &lt;Left&gt;202.204727&lt;/Left&gt;&#10;      &lt;Top&gt;25.51181&lt;/Top&gt;&#10;      &lt;Width&gt;25.51181&lt;/Width&gt;&#10;      &lt;Height&gt;25.51181&lt;/Height&gt;&#10;    &lt;/SubGrid&gt;&#10;    &lt;SubGrid&gt;&#10;      &lt;Left&gt;227.716537&lt;/Left&gt;&#10;      &lt;Top&gt;25.51181&lt;/Top&gt;&#10;      &lt;Width&gt;151.1811&lt;/Width&gt;&#10;      &lt;Height&gt;25.51181&lt;/Height&gt;&#10;    &lt;/SubGrid&gt;&#10;    &lt;SubGrid&gt;&#10;      &lt;Left&gt;378.897644&lt;/Left&gt;&#10;      &lt;Top&gt;25.51181&lt;/Top&gt;&#10;      &lt;Width&gt;25.51181&lt;/Width&gt;&#10;      &lt;Height&gt;25.51181&lt;/Height&gt;&#10;    &lt;/SubGrid&gt;&#10;    &lt;SubGrid&gt;&#10;      &lt;Left&gt;404.409454&lt;/Left&gt;&#10;      &lt;Top&gt;25.51181&lt;/Top&gt;&#10;      &lt;Width&gt;151.1811&lt;/Width&gt;&#10;      &lt;Height&gt;25.51181&lt;/Height&gt;&#10;    &lt;/SubGrid&gt;&#10;    &lt;SubGrid&gt;&#10;      &lt;Left&gt;555.5906&lt;/Left&gt;&#10;      &lt;Top&gt;25.51181&lt;/Top&gt;&#10;      &lt;Width&gt;25.51181&lt;/Width&gt;&#10;      &lt;Height&gt;25.51181&lt;/Height&gt;&#10;    &lt;/SubGrid&gt;&#10;    &lt;SubGrid&gt;&#10;      &lt;Left&gt;581.102356&lt;/Left&gt;&#10;      &lt;Top&gt;25.51181&lt;/Top&gt;&#10;      &lt;Width&gt;151.1811&lt;/Width&gt;&#10;      &lt;Height&gt;25.51181&lt;/Height&gt;&#10;    &lt;/SubGrid&gt;&#10;    &lt;SubGrid&gt;&#10;      &lt;Left&gt;732.283447&lt;/Left&gt;&#10;      &lt;Top&gt;25.51181&lt;/Top&gt;&#10;      &lt;Width&gt;25.51181&lt;/Width&gt;&#10;      &lt;Height&gt;25.51181&lt;/Height&gt;&#10;    &lt;/SubGrid&gt;&#10;    &lt;SubGrid&gt;&#10;      &lt;Left&gt;757.7953&lt;/Left&gt;&#10;      &lt;Top&gt;25.51181&lt;/Top&gt;&#10;      &lt;Width&gt;151.1811&lt;/Width&gt;&#10;      &lt;Height&gt;25.51181&lt;/Height&gt;&#10;    &lt;/SubGrid&gt;&#10;    &lt;SubGrid&gt;&#10;      &lt;Left&gt;908.9764&lt;/Left&gt;&#10;      &lt;Top&gt;25.51181&lt;/Top&gt;&#10;      &lt;Width&gt;25.51181&lt;/Width&gt;&#10;      &lt;Height&gt;25.51181&lt;/Height&gt;&#10;    &lt;/SubGrid&gt;&#10;    &lt;SubGrid&gt;&#10;      &lt;Left&gt;25.51181&lt;/Left&gt;&#10;      &lt;Top&gt;218.976379&lt;/Top&gt;&#10;      &lt;Width&gt;25.51181&lt;/Width&gt;&#10;      &lt;Height&gt;25.51181&lt;/Height&gt;&#10;    &lt;/SubGrid&gt;&#10;    &lt;SubGrid&gt;&#10;      &lt;Left&gt;25.51181&lt;/Left&gt;&#10;      &lt;Top&gt;244.48819&lt;/Top&gt;&#10;      &lt;Width&gt;25.51181&lt;/Width&gt;&#10;      &lt;Height&gt;25.51181&lt;/Height&gt;&#10;    &lt;/SubGrid&gt;&#10;    &lt;SubGrid&gt;&#10;      &lt;Left&gt;25.51181&lt;/Left&gt;&#10;      &lt;Top&gt;270&lt;/Top&gt;&#10;      &lt;Width&gt;25.51181&lt;/Width&gt;&#10;      &lt;Height&gt;25.51181&lt;/Height&gt;&#10;    &lt;/SubGrid&gt;&#10;    &lt;SubGrid&gt;&#10;      &lt;Left&gt;25.51181&lt;/Left&gt;&#10;      &lt;Top&gt;295.5118&lt;/Top&gt;&#10;      &lt;Width&gt;25.51181&lt;/Width&gt;&#10;      &lt;Height&gt;25.51181&lt;/Height&gt;&#10;    &lt;/SubGrid&gt;&#10;    &lt;SubGrid&gt;&#10;      &lt;Left&gt;51.02362&lt;/Left&gt;&#10;      &lt;Top&gt;295.5118&lt;/Top&gt;&#10;      &lt;Width&gt;151.1811&lt;/Width&gt;&#10;      &lt;Height&gt;25.51181&lt;/Height&gt;&#10;    &lt;/SubGrid&gt;&#10;    &lt;SubGrid&gt;&#10;      &lt;Left&gt;202.204727&lt;/Left&gt;&#10;      &lt;Top&gt;295.5118&lt;/Top&gt;&#10;      &lt;Width&gt;25.51181&lt;/Width&gt;&#10;      &lt;Height&gt;25.51181&lt;/Height&gt;&#10;    &lt;/SubGrid&gt;&#10;    &lt;SubGrid&gt;&#10;      &lt;Left&gt;51.02362&lt;/Left&gt;&#10;      &lt;Top&gt;270&lt;/Top&gt;&#10;      &lt;Width&gt;151.1811&lt;/Width&gt;&#10;      &lt;Height&gt;25.51181&lt;/Height&gt;&#10;    &lt;/SubGrid&gt;&#10;    &lt;SubGrid&gt;&#10;      &lt;Left&gt;202.204727&lt;/Left&gt;&#10;      &lt;Top&gt;270&lt;/Top&gt;&#10;      &lt;Width&gt;25.51181&lt;/Width&gt;&#10;      &lt;Height&gt;25.51181&lt;/Height&gt;&#10;    &lt;/SubGrid&gt;&#10;    &lt;SubGrid&gt;&#10;      &lt;Left&gt;51.02362&lt;/Left&gt;&#10;      &lt;Top&gt;244.48819&lt;/Top&gt;&#10;      &lt;Width&gt;151.1811&lt;/Width&gt;&#10;      &lt;Height&gt;25.51181&lt;/Height&gt;&#10;    &lt;/SubGrid&gt;&#10;    &lt;SubGrid&gt;&#10;      &lt;Left&gt;202.204727&lt;/Left&gt;&#10;      &lt;Top&gt;244.48819&lt;/Top&gt;&#10;      &lt;Width&gt;25.51181&lt;/Width&gt;&#10;      &lt;Height&gt;25.51181&lt;/Height&gt;&#10;    &lt;/SubGrid&gt;&#10;    &lt;SubGrid&gt;&#10;      &lt;Left&gt;51.02362&lt;/Left&gt;&#10;      &lt;Top&gt;218.976379&lt;/Top&gt;&#10;      &lt;Width&gt;151.1811&lt;/Width&gt;&#10;      &lt;Height&gt;25.51181&lt;/Height&gt;&#10;    &lt;/SubGrid&gt;&#10;    &lt;SubGrid&gt;&#10;      &lt;Left&gt;202.204727&lt;/Left&gt;&#10;      &lt;Top&gt;218.976379&lt;/Top&gt;&#10;      &lt;Width&gt;25.51181&lt;/Width&gt;&#10;      &lt;Height&gt;25.51181&lt;/Height&gt;&#10;    &lt;/SubGrid&gt;&#10;    &lt;SubGrid&gt;&#10;      &lt;Left&gt;25.51181&lt;/Left&gt;&#10;      &lt;Top&gt;488.976379&lt;/Top&gt;&#10;      &lt;Width&gt;25.51181&lt;/Width&gt;&#10;      &lt;Height&gt;25.51181&lt;/Height&gt;&#10;    &lt;/SubGrid&gt;&#10;    &lt;SubGrid&gt;&#10;      &lt;Left&gt;51.02362&lt;/Left&gt;&#10;      &lt;Top&gt;488.976379&lt;/Top&gt;&#10;      &lt;Width&gt;151.1811&lt;/Width&gt;&#10;      &lt;Height&gt;25.51181&lt;/Height&gt;&#10;    &lt;/SubGrid&gt;&#10;    &lt;SubGrid&gt;&#10;      &lt;Left&gt;202.204727&lt;/Left&gt;&#10;      &lt;Top&gt;488.976379&lt;/Top&gt;&#10;      &lt;Width&gt;25.51181&lt;/Width&gt;&#10;      &lt;Height&gt;25.51181&lt;/Height&gt;&#10;    &lt;/SubGrid&gt;&#10;    &lt;SubGrid&gt;&#10;      &lt;Left&gt;227.716537&lt;/Left&gt;&#10;      &lt;Top&gt;488.976379&lt;/Top&gt;&#10;      &lt;Width&gt;151.1811&lt;/Width&gt;&#10;      &lt;Height&gt;25.51181&lt;/Height&gt;&#10;    &lt;/SubGrid&gt;&#10;    &lt;SubGrid&gt;&#10;      &lt;Left&gt;378.897644&lt;/Left&gt;&#10;      &lt;Top&gt;488.976379&lt;/Top&gt;&#10;      &lt;Width&gt;25.51181&lt;/Width&gt;&#10;      &lt;Height&gt;25.51181&lt;/Height&gt;&#10;    &lt;/SubGrid&gt;&#10;    &lt;SubGrid&gt;&#10;      &lt;Left&gt;404.409454&lt;/Left&gt;&#10;      &lt;Top&gt;488.976379&lt;/Top&gt;&#10;      &lt;Width&gt;151.1811&lt;/Width&gt;&#10;      &lt;Height&gt;25.51181&lt;/Height&gt;&#10;    &lt;/SubGrid&gt;&#10;    &lt;SubGrid&gt;&#10;      &lt;Left&gt;555.5906&lt;/Left&gt;&#10;      &lt;Top&gt;488.976379&lt;/Top&gt;&#10;      &lt;Width&gt;25.51181&lt;/Width&gt;&#10;      &lt;Height&gt;25.51181&lt;/Height&gt;&#10;    &lt;/SubGrid&gt;&#10;    &lt;SubGrid&gt;&#10;      &lt;Left&gt;581.102356&lt;/Left&gt;&#10;      &lt;Top&gt;488.976379&lt;/Top&gt;&#10;      &lt;Width&gt;151.1811&lt;/Width&gt;&#10;      &lt;Height&gt;25.51181&lt;/Height&gt;&#10;    &lt;/SubGrid&gt;&#10;    &lt;SubGrid&gt;&#10;      &lt;Left&gt;732.283447&lt;/Left&gt;&#10;      &lt;Top&gt;488.976379&lt;/Top&gt;&#10;      &lt;Width&gt;25.51181&lt;/Width&gt;&#10;      &lt;Height&gt;25.51181&lt;/Height&gt;&#10;    &lt;/SubGrid&gt;&#10;    &lt;SubGrid&gt;&#10;      &lt;Left&gt;757.7953&lt;/Left&gt;&#10;      &lt;Top&gt;488.976379&lt;/Top&gt;&#10;      &lt;Width&gt;151.1811&lt;/Width&gt;&#10;      &lt;Height&gt;25.51181&lt;/Height&gt;&#10;    &lt;/SubGrid&gt;&#10;    &lt;SubGrid&gt;&#10;      &lt;Left&gt;908.9764&lt;/Left&gt;&#10;      &lt;Top&gt;488.976379&lt;/Top&gt;&#10;      &lt;Width&gt;25.51181&lt;/Width&gt;&#10;      &lt;Height&gt;25.51181&lt;/Height&gt;&#10;    &lt;/SubGrid&gt;&#10;    &lt;SubGrid&gt;&#10;      &lt;Left&gt;227.716537&lt;/Left&gt;&#10;      &lt;Top&gt;295.5118&lt;/Top&gt;&#10;      &lt;Width&gt;151.1811&lt;/Width&gt;&#10;      &lt;Height&gt;25.51181&lt;/Height&gt;&#10;    &lt;/SubGrid&gt;&#10;    &lt;SubGrid&gt;&#10;      &lt;Left&gt;378.897644&lt;/Left&gt;&#10;      &lt;Top&gt;295.5118&lt;/Top&gt;&#10;      &lt;Width&gt;25.51181&lt;/Width&gt;&#10;      &lt;Height&gt;25.51181&lt;/Height&gt;&#10;    &lt;/SubGrid&gt;&#10;    &lt;SubGrid&gt;&#10;      &lt;Left&gt;227.716537&lt;/Left&gt;&#10;      &lt;Top&gt;270&lt;/Top&gt;&#10;      &lt;Width&gt;151.1811&lt;/Width&gt;&#10;      &lt;Height&gt;25.51181&lt;/Height&gt;&#10;    &lt;/SubGrid&gt;&#10;    &lt;SubGrid&gt;&#10;      &lt;Left&gt;378.897644&lt;/Left&gt;&#10;      &lt;Top&gt;270&lt;/Top&gt;&#10;      &lt;Width&gt;25.51181&lt;/Width&gt;&#10;      &lt;Height&gt;25.51181&lt;/Height&gt;&#10;    &lt;/SubGrid&gt;&#10;    &lt;SubGrid&gt;&#10;      &lt;Left&gt;227.716537&lt;/Left&gt;&#10;      &lt;Top&gt;244.48819&lt;/Top&gt;&#10;      &lt;Width&gt;151.1811&lt;/Width&gt;&#10;      &lt;Height&gt;25.51181&lt;/Height&gt;&#10;    &lt;/SubGrid&gt;&#10;    &lt;SubGrid&gt;&#10;      &lt;Left&gt;378.897644&lt;/Left&gt;&#10;      &lt;Top&gt;244.48819&lt;/Top&gt;&#10;      &lt;Width&gt;25.51181&lt;/Width&gt;&#10;      &lt;Height&gt;25.51181&lt;/Height&gt;&#10;    &lt;/SubGrid&gt;&#10;    &lt;SubGrid&gt;&#10;      &lt;Left&gt;227.716537&lt;/Left&gt;&#10;      &lt;Top&gt;218.976379&lt;/Top&gt;&#10;      &lt;Width&gt;151.1811&lt;/Width&gt;&#10;      &lt;Height&gt;25.51181&lt;/Height&gt;&#10;    &lt;/SubGrid&gt;&#10;    &lt;SubGrid&gt;&#10;      &lt;Left&gt;378.897644&lt;/Left&gt;&#10;      &lt;Top&gt;218.976379&lt;/Top&gt;&#10;      &lt;Width&gt;25.51181&lt;/Width&gt;&#10;      &lt;Height&gt;25.51181&lt;/Height&gt;&#10;    &lt;/SubGrid&gt;&#10;    &lt;SubGrid&gt;&#10;      &lt;Left&gt;404.409454&lt;/Left&gt;&#10;      &lt;Top&gt;295.5118&lt;/Top&gt;&#10;      &lt;Width&gt;151.1811&lt;/Width&gt;&#10;      &lt;Height&gt;25.51181&lt;/Height&gt;&#10;    &lt;/SubGrid&gt;&#10;    &lt;SubGrid&gt;&#10;      &lt;Left&gt;555.5906&lt;/Left&gt;&#10;      &lt;Top&gt;295.5118&lt;/Top&gt;&#10;      &lt;Width&gt;25.51181&lt;/Width&gt;&#10;      &lt;Height&gt;25.51181&lt;/Height&gt;&#10;    &lt;/SubGrid&gt;&#10;    &lt;SubGrid&gt;&#10;      &lt;Left&gt;404.409454&lt;/Left&gt;&#10;      &lt;Top&gt;270&lt;/Top&gt;&#10;      &lt;Width&gt;151.1811&lt;/Width&gt;&#10;      &lt;Height&gt;25.51181&lt;/Height&gt;&#10;    &lt;/SubGrid&gt;&#10;    &lt;SubGrid&gt;&#10;      &lt;Left&gt;555.5906&lt;/Left&gt;&#10;      &lt;Top&gt;270&lt;/Top&gt;&#10;      &lt;Width&gt;25.51181&lt;/Width&gt;&#10;      &lt;Height&gt;25.51181&lt;/Height&gt;&#10;    &lt;/SubGrid&gt;&#10;    &lt;SubGrid&gt;&#10;      &lt;Left&gt;404.409454&lt;/Left&gt;&#10;      &lt;Top&gt;244.48819&lt;/Top&gt;&#10;      &lt;Width&gt;151.1811&lt;/Width&gt;&#10;      &lt;Height&gt;25.51181&lt;/Height&gt;&#10;    &lt;/SubGrid&gt;&#10;    &lt;SubGrid&gt;&#10;      &lt;Left&gt;555.5906&lt;/Left&gt;&#10;      &lt;Top&gt;244.48819&lt;/Top&gt;&#10;      &lt;Width&gt;25.51181&lt;/Width&gt;&#10;      &lt;Height&gt;25.51181&lt;/Height&gt;&#10;    &lt;/SubGrid&gt;&#10;    &lt;SubGrid&gt;&#10;      &lt;Left&gt;404.409454&lt;/Left&gt;&#10;      &lt;Top&gt;218.976379&lt;/Top&gt;&#10;      &lt;Width&gt;151.1811&lt;/Width&gt;&#10;      &lt;Height&gt;25.51181&lt;/Height&gt;&#10;    &lt;/SubGrid&gt;&#10;    &lt;SubGrid&gt;&#10;      &lt;Left&gt;555.5906&lt;/Left&gt;&#10;      &lt;Top&gt;218.976379&lt;/Top&gt;&#10;      &lt;Width&gt;25.51181&lt;/Width&gt;&#10;      &lt;Height&gt;25.51181&lt;/Height&gt;&#10;    &lt;/SubGrid&gt;&#10;    &lt;SubGrid&gt;&#10;      &lt;Left&gt;581.102356&lt;/Left&gt;&#10;      &lt;Top&gt;295.5118&lt;/Top&gt;&#10;      &lt;Width&gt;151.1811&lt;/Width&gt;&#10;      &lt;Height&gt;25.51181&lt;/Height&gt;&#10;    &lt;/SubGrid&gt;&#10;    &lt;SubGrid&gt;&#10;      &lt;Left&gt;732.283447&lt;/Left&gt;&#10;      &lt;Top&gt;295.5118&lt;/Top&gt;&#10;      &lt;Width&gt;25.51181&lt;/Width&gt;&#10;      &lt;Height&gt;25.51181&lt;/Height&gt;&#10;    &lt;/SubGrid&gt;&#10;    &lt;SubGrid&gt;&#10;      &lt;Left&gt;581.102356&lt;/Left&gt;&#10;      &lt;Top&gt;270&lt;/Top&gt;&#10;      &lt;Width&gt;151.1811&lt;/Width&gt;&#10;      &lt;Height&gt;25.51181&lt;/Height&gt;&#10;    &lt;/SubGrid&gt;&#10;    &lt;SubGrid&gt;&#10;      &lt;Left&gt;732.283447&lt;/Left&gt;&#10;      &lt;Top&gt;270&lt;/Top&gt;&#10;      &lt;Width&gt;25.51181&lt;/Width&gt;&#10;      &lt;Height&gt;25.51181&lt;/Height&gt;&#10;    &lt;/SubGrid&gt;&#10;    &lt;SubGrid&gt;&#10;      &lt;Left&gt;581.102356&lt;/Left&gt;&#10;      &lt;Top&gt;244.48819&lt;/Top&gt;&#10;      &lt;Width&gt;151.1811&lt;/Width&gt;&#10;      &lt;Height&gt;25.51181&lt;/Height&gt;&#10;    &lt;/SubGrid&gt;&#10;    &lt;SubGrid&gt;&#10;      &lt;Left&gt;732.283447&lt;/Left&gt;&#10;      &lt;Top&gt;244.48819&lt;/Top&gt;&#10;      &lt;Width&gt;25.51181&lt;/Width&gt;&#10;      &lt;Height&gt;25.51181&lt;/Height&gt;&#10;    &lt;/SubGrid&gt;&#10;    &lt;SubGrid&gt;&#10;      &lt;Left&gt;581.102356&lt;/Left&gt;&#10;      &lt;Top&gt;218.976379&lt;/Top&gt;&#10;      &lt;Width&gt;151.1811&lt;/Width&gt;&#10;      &lt;Height&gt;25.51181&lt;/Height&gt;&#10;    &lt;/SubGrid&gt;&#10;    &lt;SubGrid&gt;&#10;      &lt;Left&gt;732.283447&lt;/Left&gt;&#10;      &lt;Top&gt;218.976379&lt;/Top&gt;&#10;      &lt;Width&gt;25.51181&lt;/Width&gt;&#10;      &lt;Height&gt;25.51181&lt;/Height&gt;&#10;    &lt;/SubGrid&gt;&#10;    &lt;SubGrid&gt;&#10;      &lt;Left&gt;757.7953&lt;/Left&gt;&#10;      &lt;Top&gt;295.5118&lt;/Top&gt;&#10;      &lt;Width&gt;151.1811&lt;/Width&gt;&#10;      &lt;Height&gt;25.51181&lt;/Height&gt;&#10;    &lt;/SubGrid&gt;&#10;    &lt;SubGrid&gt;&#10;      &lt;Left&gt;908.9764&lt;/Left&gt;&#10;      &lt;Top&gt;295.5118&lt;/Top&gt;&#10;      &lt;Width&gt;25.51181&lt;/Width&gt;&#10;      &lt;Height&gt;25.51181&lt;/Height&gt;&#10;    &lt;/SubGrid&gt;&#10;    &lt;SubGrid&gt;&#10;      &lt;Left&gt;757.7953&lt;/Left&gt;&#10;      &lt;Top&gt;270&lt;/Top&gt;&#10;      &lt;Width&gt;151.1811&lt;/Width&gt;&#10;      &lt;Height&gt;25.51181&lt;/Height&gt;&#10;    &lt;/SubGrid&gt;&#10;    &lt;SubGrid&gt;&#10;      &lt;Left&gt;908.9764&lt;/Left&gt;&#10;      &lt;Top&gt;270&lt;/Top&gt;&#10;      &lt;Width&gt;25.51181&lt;/Width&gt;&#10;      &lt;Height&gt;25.51181&lt;/Height&gt;&#10;    &lt;/SubGrid&gt;&#10;    &lt;SubGrid&gt;&#10;      &lt;Left&gt;757.7953&lt;/Left&gt;&#10;      &lt;Top&gt;244.48819&lt;/Top&gt;&#10;      &lt;Width&gt;151.1811&lt;/Width&gt;&#10;      &lt;Height&gt;25.51181&lt;/Height&gt;&#10;    &lt;/SubGrid&gt;&#10;    &lt;SubGrid&gt;&#10;      &lt;Left&gt;908.9764&lt;/Left&gt;&#10;      &lt;Top&gt;244.48819&lt;/Top&gt;&#10;      &lt;Width&gt;25.51181&lt;/Width&gt;&#10;      &lt;Height&gt;25.51181&lt;/Height&gt;&#10;    &lt;/SubGrid&gt;&#10;    &lt;SubGrid&gt;&#10;      &lt;Left&gt;757.7953&lt;/Left&gt;&#10;      &lt;Top&gt;218.976379&lt;/Top&gt;&#10;      &lt;Width&gt;151.1811&lt;/Width&gt;&#10;      &lt;Height&gt;25.51181&lt;/Height&gt;&#10;    &lt;/SubGrid&gt;&#10;    &lt;SubGrid&gt;&#10;      &lt;Left&gt;908.9764&lt;/Left&gt;&#10;      &lt;Top&gt;218.976379&lt;/Top&gt;&#10;      &lt;Width&gt;25.51181&lt;/Width&gt;&#10;      &lt;Height&gt;25.51181&lt;/Height&gt;&#10;    &lt;/SubGrid&gt;&#10;    &lt;SubGrid&gt;&#10;      &lt;Left&gt;25.51181&lt;/Left&gt;&#10;      &lt;Top&gt;51.02362&lt;/Top&gt;&#10;      &lt;Width&gt;25.51181&lt;/Width&gt;&#10;      &lt;Height&gt;167.952759&lt;/Height&gt;&#10;    &lt;/SubGrid&gt;&#10;    &lt;SubGrid&gt;&#10;      &lt;Left&gt;202.204727&lt;/Left&gt;&#10;      &lt;Top&gt;51.02362&lt;/Top&gt;&#10;      &lt;Width&gt;25.51181&lt;/Width&gt;&#10;      &lt;Height&gt;167.952759&lt;/Height&gt;&#10;    &lt;/SubGrid&gt;&#10;    &lt;SubGrid&gt;&#10;      &lt;Left&gt;378.897644&lt;/Left&gt;&#10;      &lt;Top&gt;51.02362&lt;/Top&gt;&#10;      &lt;Width&gt;25.51181&lt;/Width&gt;&#10;      &lt;Height&gt;167.952759&lt;/Height&gt;&#10;    &lt;/SubGrid&gt;&#10;    &lt;SubGrid&gt;&#10;      &lt;Left&gt;555.5906&lt;/Left&gt;&#10;      &lt;Top&gt;51.02362&lt;/Top&gt;&#10;      &lt;Width&gt;25.51181&lt;/Width&gt;&#10;      &lt;Height&gt;167.952759&lt;/Height&gt;&#10;    &lt;/SubGrid&gt;&#10;    &lt;SubGrid&gt;&#10;      &lt;Left&gt;732.283447&lt;/Left&gt;&#10;      &lt;Top&gt;51.02362&lt;/Top&gt;&#10;      &lt;Width&gt;25.51181&lt;/Width&gt;&#10;      &lt;Height&gt;167.952759&lt;/Height&gt;&#10;    &lt;/SubGrid&gt;&#10;    &lt;SubGrid&gt;&#10;      &lt;Left&gt;908.9764&lt;/Left&gt;&#10;      &lt;Top&gt;51.02362&lt;/Top&gt;&#10;      &lt;Width&gt;25.51181&lt;/Width&gt;&#10;      &lt;Height&gt;167.952759&lt;/Height&gt;&#10;    &lt;/SubGrid&gt;&#10;    &lt;SubGrid&gt;&#10;      &lt;Left&gt;25.51181&lt;/Left&gt;&#10;      &lt;Top&gt;321.023621&lt;/Top&gt;&#10;      &lt;Width&gt;25.51181&lt;/Width&gt;&#10;      &lt;Height&gt;167.952759&lt;/Height&gt;&#10;    &lt;/SubGrid&gt;&#10;    &lt;SubGrid&gt;&#10;      &lt;Left&gt;202.204727&lt;/Left&gt;&#10;      &lt;Top&gt;321.023621&lt;/Top&gt;&#10;      &lt;Width&gt;25.51181&lt;/Width&gt;&#10;      &lt;Height&gt;167.952759&lt;/Height&gt;&#10;    &lt;/SubGrid&gt;&#10;    &lt;SubGrid&gt;&#10;      &lt;Left&gt;378.897644&lt;/Left&gt;&#10;      &lt;Top&gt;321.023621&lt;/Top&gt;&#10;      &lt;Width&gt;25.51181&lt;/Width&gt;&#10;      &lt;Height&gt;167.952759&lt;/Height&gt;&#10;    &lt;/SubGrid&gt;&#10;    &lt;SubGrid&gt;&#10;      &lt;Left&gt;555.5906&lt;/Left&gt;&#10;      &lt;Top&gt;321.023621&lt;/Top&gt;&#10;      &lt;Width&gt;25.51181&lt;/Width&gt;&#10;      &lt;Height&gt;167.952759&lt;/Height&gt;&#10;    &lt;/SubGrid&gt;&#10;    &lt;SubGrid&gt;&#10;      &lt;Left&gt;732.283447&lt;/Left&gt;&#10;      &lt;Top&gt;321.023621&lt;/Top&gt;&#10;      &lt;Width&gt;25.51181&lt;/Width&gt;&#10;      &lt;Height&gt;167.952759&lt;/Height&gt;&#10;    &lt;/SubGrid&gt;&#10;    &lt;SubGrid&gt;&#10;      &lt;Left&gt;908.9764&lt;/Left&gt;&#10;      &lt;Top&gt;321.023621&lt;/Top&gt;&#10;      &lt;Width&gt;25.51181&lt;/Width&gt;&#10;      &lt;Height&gt;167.952759&lt;/Height&gt;&#10;    &lt;/SubGrid&gt;&#10;    &lt;SubGrid&gt;&#10;      &lt;Left&gt;51.02362&lt;/Left&gt;&#10;      &lt;Top&gt;51.02362&lt;/Top&gt;&#10;      &lt;Width&gt;151.1811&lt;/Width&gt;&#10;      &lt;Height&gt;167.952759&lt;/Height&gt;&#10;    &lt;/SubGrid&gt;&#10;    &lt;SubGrid&gt;&#10;      &lt;Left&gt;227.716537&lt;/Left&gt;&#10;      &lt;Top&gt;51.02362&lt;/Top&gt;&#10;      &lt;Width&gt;151.1811&lt;/Width&gt;&#10;      &lt;Height&gt;167.952759&lt;/Height&gt;&#10;    &lt;/SubGrid&gt;&#10;    &lt;SubGrid&gt;&#10;      &lt;Left&gt;404.409454&lt;/Left&gt;&#10;      &lt;Top&gt;51.02362&lt;/Top&gt;&#10;      &lt;Width&gt;151.1811&lt;/Width&gt;&#10;      &lt;Height&gt;167.952759&lt;/Height&gt;&#10;    &lt;/SubGrid&gt;&#10;    &lt;SubGrid&gt;&#10;      &lt;Left&gt;581.102356&lt;/Left&gt;&#10;      &lt;Top&gt;51.02362&lt;/Top&gt;&#10;      &lt;Width&gt;151.1811&lt;/Width&gt;&#10;      &lt;Height&gt;167.952759&lt;/Height&gt;&#10;    &lt;/SubGrid&gt;&#10;    &lt;SubGrid&gt;&#10;      &lt;Left&gt;757.7953&lt;/Left&gt;&#10;      &lt;Top&gt;51.02362&lt;/Top&gt;&#10;      &lt;Width&gt;151.1811&lt;/Width&gt;&#10;      &lt;Height&gt;167.952759&lt;/Height&gt;&#10;    &lt;/SubGrid&gt;&#10;    &lt;SubGrid&gt;&#10;      &lt;Left&gt;51.02362&lt;/Left&gt;&#10;      &lt;Top&gt;321.023621&lt;/Top&gt;&#10;      &lt;Width&gt;151.1811&lt;/Width&gt;&#10;      &lt;Height&gt;167.952759&lt;/Height&gt;&#10;    &lt;/SubGrid&gt;&#10;    &lt;SubGrid&gt;&#10;      &lt;Left&gt;227.716537&lt;/Left&gt;&#10;      &lt;Top&gt;321.023621&lt;/Top&gt;&#10;      &lt;Width&gt;151.1811&lt;/Width&gt;&#10;      &lt;Height&gt;167.952759&lt;/Height&gt;&#10;    &lt;/SubGrid&gt;&#10;    &lt;SubGrid&gt;&#10;      &lt;Left&gt;404.409454&lt;/Left&gt;&#10;      &lt;Top&gt;321.023621&lt;/Top&gt;&#10;      &lt;Width&gt;151.1811&lt;/Width&gt;&#10;      &lt;Height&gt;167.952759&lt;/Height&gt;&#10;    &lt;/SubGrid&gt;&#10;    &lt;SubGrid&gt;&#10;      &lt;Left&gt;581.102356&lt;/Left&gt;&#10;      &lt;Top&gt;321.023621&lt;/Top&gt;&#10;      &lt;Width&gt;151.1811&lt;/Width&gt;&#10;      &lt;Height&gt;167.952759&lt;/Height&gt;&#10;    &lt;/SubGrid&gt;&#10;    &lt;SubGrid&gt;&#10;      &lt;Left&gt;757.7953&lt;/Left&gt;&#10;      &lt;Top&gt;321.023621&lt;/Top&gt;&#10;      &lt;Width&gt;151.1811&lt;/Width&gt;&#10;      &lt;Height&gt;167.952759&lt;/Height&gt;&#10;    &lt;/SubGrid&gt;&#10;  &lt;/SubGrids&gt;&#10;  &lt;WorkArea&gt;&#10;    &lt;Top&gt;25.51181&lt;/Top&gt;&#10;    &lt;Left&gt;25.51181&lt;/Left&gt;&#10;    &lt;Width&gt;908.9764&lt;/Width&gt;&#10;    &lt;Height&gt;488.976379&lt;/Height&gt;&#10;  &lt;/WorkArea&gt;&#10;  &lt;AspectW&gt;-1&lt;/AspectW&gt;&#10;  &lt;AspectH&gt;-1&lt;/AspectH&gt;&#10;  &lt;Width&gt;960&lt;/Width&gt;&#10;  &lt;Height&gt;540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F5F0A4E1-4330-49F4-88F5-A83195F8511C}"/>
              </a:ext>
            </a:extLst>
          </p:cNvPr>
          <p:cNvSpPr/>
          <p:nvPr userDrawn="1"/>
        </p:nvSpPr>
        <p:spPr>
          <a:xfrm>
            <a:off x="324000" y="324000"/>
            <a:ext cx="11544000" cy="6210000"/>
          </a:xfrm>
          <a:prstGeom prst="rect">
            <a:avLst/>
          </a:prstGeom>
          <a:solidFill>
            <a:srgbClr val="E6E6E6"/>
          </a:solidFill>
          <a:ln w="31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F30BD45F-E3FD-4877-8E01-D258D6C49ED2}"/>
              </a:ext>
            </a:extLst>
          </p:cNvPr>
          <p:cNvSpPr/>
          <p:nvPr userDrawn="1">
            <p:custDataLst>
              <p:tags r:id="rId35"/>
            </p:custDataLst>
          </p:nvPr>
        </p:nvSpPr>
        <p:spPr>
          <a:xfrm>
            <a:off x="32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61F8F4EB-98F9-49C6-AD23-0434FEEA7DAD}"/>
              </a:ext>
            </a:extLst>
          </p:cNvPr>
          <p:cNvSpPr/>
          <p:nvPr userDrawn="1">
            <p:custDataLst>
              <p:tags r:id="rId36"/>
            </p:custDataLst>
          </p:nvPr>
        </p:nvSpPr>
        <p:spPr>
          <a:xfrm>
            <a:off x="648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5461F43A-D29F-4117-83B4-78ECC6A90694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2568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3885B838-2022-4A1F-A84B-BB1127E2EE43}"/>
              </a:ext>
            </a:extLst>
          </p:cNvPr>
          <p:cNvSpPr/>
          <p:nvPr userDrawn="1">
            <p:custDataLst>
              <p:tags r:id="rId38"/>
            </p:custDataLst>
          </p:nvPr>
        </p:nvSpPr>
        <p:spPr>
          <a:xfrm>
            <a:off x="2892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2" name="Rectangle 11" hidden="1">
            <a:extLst>
              <a:ext uri="{FF2B5EF4-FFF2-40B4-BE49-F238E27FC236}">
                <a16:creationId xmlns:a16="http://schemas.microsoft.com/office/drawing/2014/main" id="{AC6417FB-6B96-4CAA-9A61-CE3C85379335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4812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88F2338E-050E-4997-B5FD-16609E6B05AC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5136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5330914-84C1-4EFF-8088-9FF9153B21A3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7056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Rectangle 14" hidden="1">
            <a:extLst>
              <a:ext uri="{FF2B5EF4-FFF2-40B4-BE49-F238E27FC236}">
                <a16:creationId xmlns:a16="http://schemas.microsoft.com/office/drawing/2014/main" id="{0D9F1F0C-68CC-4F13-A58D-7D5850D6BABB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7380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FCD1A103-17AC-4A34-8A1D-92E20B67C019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9300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6D17E478-3C99-48E5-91A4-253FD970A082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9624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ACBDE3FC-87C8-4EA6-8040-812BA3745D76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1154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9" name="Rectangle 18" hidden="1">
            <a:extLst>
              <a:ext uri="{FF2B5EF4-FFF2-40B4-BE49-F238E27FC236}">
                <a16:creationId xmlns:a16="http://schemas.microsoft.com/office/drawing/2014/main" id="{994EE5B0-B3FC-43D9-8B31-B03CA4819265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32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0" name="Rectangle 19" hidden="1">
            <a:extLst>
              <a:ext uri="{FF2B5EF4-FFF2-40B4-BE49-F238E27FC236}">
                <a16:creationId xmlns:a16="http://schemas.microsoft.com/office/drawing/2014/main" id="{71B943CE-F983-40CB-852B-B348DA0EECF9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32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1" name="Rectangle 20" hidden="1">
            <a:extLst>
              <a:ext uri="{FF2B5EF4-FFF2-40B4-BE49-F238E27FC236}">
                <a16:creationId xmlns:a16="http://schemas.microsoft.com/office/drawing/2014/main" id="{195AE9FF-57B5-4B28-95BD-65EB616F8339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32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2" name="Rectangle 21" hidden="1">
            <a:extLst>
              <a:ext uri="{FF2B5EF4-FFF2-40B4-BE49-F238E27FC236}">
                <a16:creationId xmlns:a16="http://schemas.microsoft.com/office/drawing/2014/main" id="{09C4273C-D9B3-4E1C-BECF-E403BC0FED81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32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3" name="Rectangle 22" hidden="1">
            <a:extLst>
              <a:ext uri="{FF2B5EF4-FFF2-40B4-BE49-F238E27FC236}">
                <a16:creationId xmlns:a16="http://schemas.microsoft.com/office/drawing/2014/main" id="{D61A9C98-DFAC-4C93-9FC3-FA4B7268AFD4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648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4" name="Rectangle 23" hidden="1">
            <a:extLst>
              <a:ext uri="{FF2B5EF4-FFF2-40B4-BE49-F238E27FC236}">
                <a16:creationId xmlns:a16="http://schemas.microsoft.com/office/drawing/2014/main" id="{2738953D-847C-44BC-BB1D-3E35D57608D4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2568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5" name="Rectangle 24" hidden="1">
            <a:extLst>
              <a:ext uri="{FF2B5EF4-FFF2-40B4-BE49-F238E27FC236}">
                <a16:creationId xmlns:a16="http://schemas.microsoft.com/office/drawing/2014/main" id="{A85DD5C0-07B7-493F-ACD2-090488BDD5B6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648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7" name="Rectangle 36" hidden="1">
            <a:extLst>
              <a:ext uri="{FF2B5EF4-FFF2-40B4-BE49-F238E27FC236}">
                <a16:creationId xmlns:a16="http://schemas.microsoft.com/office/drawing/2014/main" id="{2D03EC4E-106A-492D-9392-E8DAE462F1BE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2568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5" name="Rectangle 44" hidden="1">
            <a:extLst>
              <a:ext uri="{FF2B5EF4-FFF2-40B4-BE49-F238E27FC236}">
                <a16:creationId xmlns:a16="http://schemas.microsoft.com/office/drawing/2014/main" id="{20022031-21E7-4D6F-92EB-D2DDACC3013D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648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6" name="Rectangle 45" hidden="1">
            <a:extLst>
              <a:ext uri="{FF2B5EF4-FFF2-40B4-BE49-F238E27FC236}">
                <a16:creationId xmlns:a16="http://schemas.microsoft.com/office/drawing/2014/main" id="{0D8C0033-6DD1-44FA-8D1E-C266A6CB5E58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2568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7" name="Rectangle 46" hidden="1">
            <a:extLst>
              <a:ext uri="{FF2B5EF4-FFF2-40B4-BE49-F238E27FC236}">
                <a16:creationId xmlns:a16="http://schemas.microsoft.com/office/drawing/2014/main" id="{5405C511-8E76-4F70-B418-D42EFC88B59C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648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8" name="Rectangle 47" hidden="1">
            <a:extLst>
              <a:ext uri="{FF2B5EF4-FFF2-40B4-BE49-F238E27FC236}">
                <a16:creationId xmlns:a16="http://schemas.microsoft.com/office/drawing/2014/main" id="{3A318B50-011A-4077-B856-5AA6365091AC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2568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9" name="Rectangle 48" hidden="1">
            <a:extLst>
              <a:ext uri="{FF2B5EF4-FFF2-40B4-BE49-F238E27FC236}">
                <a16:creationId xmlns:a16="http://schemas.microsoft.com/office/drawing/2014/main" id="{6A2BCA5B-FE07-43B1-A4B7-31BD6164A6E4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32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0" name="Rectangle 49" hidden="1">
            <a:extLst>
              <a:ext uri="{FF2B5EF4-FFF2-40B4-BE49-F238E27FC236}">
                <a16:creationId xmlns:a16="http://schemas.microsoft.com/office/drawing/2014/main" id="{5C40FFBD-7783-45AC-8A2B-097F0420F8BE}"/>
              </a:ext>
            </a:extLst>
          </p:cNvPr>
          <p:cNvSpPr/>
          <p:nvPr userDrawn="1">
            <p:custDataLst>
              <p:tags r:id="rId59"/>
            </p:custDataLst>
          </p:nvPr>
        </p:nvSpPr>
        <p:spPr>
          <a:xfrm>
            <a:off x="648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1" name="Rectangle 50" hidden="1">
            <a:extLst>
              <a:ext uri="{FF2B5EF4-FFF2-40B4-BE49-F238E27FC236}">
                <a16:creationId xmlns:a16="http://schemas.microsoft.com/office/drawing/2014/main" id="{4CEBE773-5EE2-48C7-957B-8390AB5ACC07}"/>
              </a:ext>
            </a:extLst>
          </p:cNvPr>
          <p:cNvSpPr/>
          <p:nvPr userDrawn="1">
            <p:custDataLst>
              <p:tags r:id="rId60"/>
            </p:custDataLst>
          </p:nvPr>
        </p:nvSpPr>
        <p:spPr>
          <a:xfrm>
            <a:off x="2568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2" name="Rectangle 51" hidden="1">
            <a:extLst>
              <a:ext uri="{FF2B5EF4-FFF2-40B4-BE49-F238E27FC236}">
                <a16:creationId xmlns:a16="http://schemas.microsoft.com/office/drawing/2014/main" id="{A88B1085-4452-48B2-ABE2-B39A1F2C8B5C}"/>
              </a:ext>
            </a:extLst>
          </p:cNvPr>
          <p:cNvSpPr/>
          <p:nvPr userDrawn="1">
            <p:custDataLst>
              <p:tags r:id="rId61"/>
            </p:custDataLst>
          </p:nvPr>
        </p:nvSpPr>
        <p:spPr>
          <a:xfrm>
            <a:off x="2892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3" name="Rectangle 52" hidden="1">
            <a:extLst>
              <a:ext uri="{FF2B5EF4-FFF2-40B4-BE49-F238E27FC236}">
                <a16:creationId xmlns:a16="http://schemas.microsoft.com/office/drawing/2014/main" id="{35677462-D07F-483C-9C29-E04937D96970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4812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4" name="Rectangle 53" hidden="1">
            <a:extLst>
              <a:ext uri="{FF2B5EF4-FFF2-40B4-BE49-F238E27FC236}">
                <a16:creationId xmlns:a16="http://schemas.microsoft.com/office/drawing/2014/main" id="{719982BD-DEFC-4091-A576-C424DBA3C4DD}"/>
              </a:ext>
            </a:extLst>
          </p:cNvPr>
          <p:cNvSpPr/>
          <p:nvPr userDrawn="1">
            <p:custDataLst>
              <p:tags r:id="rId63"/>
            </p:custDataLst>
          </p:nvPr>
        </p:nvSpPr>
        <p:spPr>
          <a:xfrm>
            <a:off x="5136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5" name="Rectangle 54" hidden="1">
            <a:extLst>
              <a:ext uri="{FF2B5EF4-FFF2-40B4-BE49-F238E27FC236}">
                <a16:creationId xmlns:a16="http://schemas.microsoft.com/office/drawing/2014/main" id="{09DABF0B-9E1E-4C4B-B44A-B858D0F51253}"/>
              </a:ext>
            </a:extLst>
          </p:cNvPr>
          <p:cNvSpPr/>
          <p:nvPr userDrawn="1">
            <p:custDataLst>
              <p:tags r:id="rId64"/>
            </p:custDataLst>
          </p:nvPr>
        </p:nvSpPr>
        <p:spPr>
          <a:xfrm>
            <a:off x="7056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6" name="Rectangle 55" hidden="1">
            <a:extLst>
              <a:ext uri="{FF2B5EF4-FFF2-40B4-BE49-F238E27FC236}">
                <a16:creationId xmlns:a16="http://schemas.microsoft.com/office/drawing/2014/main" id="{4C2D3A6A-66FD-4AEE-8C1E-B6E5EECF6AC4}"/>
              </a:ext>
            </a:extLst>
          </p:cNvPr>
          <p:cNvSpPr/>
          <p:nvPr userDrawn="1">
            <p:custDataLst>
              <p:tags r:id="rId65"/>
            </p:custDataLst>
          </p:nvPr>
        </p:nvSpPr>
        <p:spPr>
          <a:xfrm>
            <a:off x="7380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7" name="Rectangle 56" hidden="1">
            <a:extLst>
              <a:ext uri="{FF2B5EF4-FFF2-40B4-BE49-F238E27FC236}">
                <a16:creationId xmlns:a16="http://schemas.microsoft.com/office/drawing/2014/main" id="{2D1F338B-CF9E-4B33-946A-4DB709760AF6}"/>
              </a:ext>
            </a:extLst>
          </p:cNvPr>
          <p:cNvSpPr/>
          <p:nvPr userDrawn="1">
            <p:custDataLst>
              <p:tags r:id="rId66"/>
            </p:custDataLst>
          </p:nvPr>
        </p:nvSpPr>
        <p:spPr>
          <a:xfrm>
            <a:off x="9300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8" name="Rectangle 57" hidden="1">
            <a:extLst>
              <a:ext uri="{FF2B5EF4-FFF2-40B4-BE49-F238E27FC236}">
                <a16:creationId xmlns:a16="http://schemas.microsoft.com/office/drawing/2014/main" id="{C62DDC7A-A75D-47D1-8199-CF07F2BDFB07}"/>
              </a:ext>
            </a:extLst>
          </p:cNvPr>
          <p:cNvSpPr/>
          <p:nvPr userDrawn="1">
            <p:custDataLst>
              <p:tags r:id="rId67"/>
            </p:custDataLst>
          </p:nvPr>
        </p:nvSpPr>
        <p:spPr>
          <a:xfrm>
            <a:off x="9624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9" name="Rectangle 58" hidden="1">
            <a:extLst>
              <a:ext uri="{FF2B5EF4-FFF2-40B4-BE49-F238E27FC236}">
                <a16:creationId xmlns:a16="http://schemas.microsoft.com/office/drawing/2014/main" id="{58B5BE77-B2A7-4D7F-8E0B-C3E954ED65B5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1154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0" name="Rectangle 59" hidden="1">
            <a:extLst>
              <a:ext uri="{FF2B5EF4-FFF2-40B4-BE49-F238E27FC236}">
                <a16:creationId xmlns:a16="http://schemas.microsoft.com/office/drawing/2014/main" id="{FCFBBBC3-8FB6-4FAC-ADAD-D2D96E64A22C}"/>
              </a:ext>
            </a:extLst>
          </p:cNvPr>
          <p:cNvSpPr/>
          <p:nvPr userDrawn="1">
            <p:custDataLst>
              <p:tags r:id="rId69"/>
            </p:custDataLst>
          </p:nvPr>
        </p:nvSpPr>
        <p:spPr>
          <a:xfrm>
            <a:off x="2892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1" name="Rectangle 60" hidden="1">
            <a:extLst>
              <a:ext uri="{FF2B5EF4-FFF2-40B4-BE49-F238E27FC236}">
                <a16:creationId xmlns:a16="http://schemas.microsoft.com/office/drawing/2014/main" id="{2C5A7DD2-B5CE-413A-9B54-583BA9EBCDFF}"/>
              </a:ext>
            </a:extLst>
          </p:cNvPr>
          <p:cNvSpPr/>
          <p:nvPr userDrawn="1">
            <p:custDataLst>
              <p:tags r:id="rId70"/>
            </p:custDataLst>
          </p:nvPr>
        </p:nvSpPr>
        <p:spPr>
          <a:xfrm>
            <a:off x="4812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2" name="Rectangle 61" hidden="1">
            <a:extLst>
              <a:ext uri="{FF2B5EF4-FFF2-40B4-BE49-F238E27FC236}">
                <a16:creationId xmlns:a16="http://schemas.microsoft.com/office/drawing/2014/main" id="{D9461BA4-4B7F-4140-AC43-136B90730752}"/>
              </a:ext>
            </a:extLst>
          </p:cNvPr>
          <p:cNvSpPr/>
          <p:nvPr userDrawn="1">
            <p:custDataLst>
              <p:tags r:id="rId71"/>
            </p:custDataLst>
          </p:nvPr>
        </p:nvSpPr>
        <p:spPr>
          <a:xfrm>
            <a:off x="2892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3" name="Rectangle 62" hidden="1">
            <a:extLst>
              <a:ext uri="{FF2B5EF4-FFF2-40B4-BE49-F238E27FC236}">
                <a16:creationId xmlns:a16="http://schemas.microsoft.com/office/drawing/2014/main" id="{DEB946CF-96A1-4659-9385-72D850C9C025}"/>
              </a:ext>
            </a:extLst>
          </p:cNvPr>
          <p:cNvSpPr/>
          <p:nvPr userDrawn="1">
            <p:custDataLst>
              <p:tags r:id="rId72"/>
            </p:custDataLst>
          </p:nvPr>
        </p:nvSpPr>
        <p:spPr>
          <a:xfrm>
            <a:off x="4812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4" name="Rectangle 63" hidden="1">
            <a:extLst>
              <a:ext uri="{FF2B5EF4-FFF2-40B4-BE49-F238E27FC236}">
                <a16:creationId xmlns:a16="http://schemas.microsoft.com/office/drawing/2014/main" id="{742C5205-4F49-47AB-B503-BC7F63858642}"/>
              </a:ext>
            </a:extLst>
          </p:cNvPr>
          <p:cNvSpPr/>
          <p:nvPr userDrawn="1">
            <p:custDataLst>
              <p:tags r:id="rId73"/>
            </p:custDataLst>
          </p:nvPr>
        </p:nvSpPr>
        <p:spPr>
          <a:xfrm>
            <a:off x="2892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5" name="Rectangle 64" hidden="1">
            <a:extLst>
              <a:ext uri="{FF2B5EF4-FFF2-40B4-BE49-F238E27FC236}">
                <a16:creationId xmlns:a16="http://schemas.microsoft.com/office/drawing/2014/main" id="{5B2DC920-B604-43E9-ADC1-B26167353D44}"/>
              </a:ext>
            </a:extLst>
          </p:cNvPr>
          <p:cNvSpPr/>
          <p:nvPr userDrawn="1">
            <p:custDataLst>
              <p:tags r:id="rId74"/>
            </p:custDataLst>
          </p:nvPr>
        </p:nvSpPr>
        <p:spPr>
          <a:xfrm>
            <a:off x="4812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6" name="Rectangle 65" hidden="1">
            <a:extLst>
              <a:ext uri="{FF2B5EF4-FFF2-40B4-BE49-F238E27FC236}">
                <a16:creationId xmlns:a16="http://schemas.microsoft.com/office/drawing/2014/main" id="{419CE6B2-B4FC-4BBD-937B-2FAF2EC436EB}"/>
              </a:ext>
            </a:extLst>
          </p:cNvPr>
          <p:cNvSpPr/>
          <p:nvPr userDrawn="1">
            <p:custDataLst>
              <p:tags r:id="rId75"/>
            </p:custDataLst>
          </p:nvPr>
        </p:nvSpPr>
        <p:spPr>
          <a:xfrm>
            <a:off x="2892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7" name="Rectangle 66" hidden="1">
            <a:extLst>
              <a:ext uri="{FF2B5EF4-FFF2-40B4-BE49-F238E27FC236}">
                <a16:creationId xmlns:a16="http://schemas.microsoft.com/office/drawing/2014/main" id="{24F744BF-7A2A-44A1-99AF-BF4D80F50B40}"/>
              </a:ext>
            </a:extLst>
          </p:cNvPr>
          <p:cNvSpPr/>
          <p:nvPr userDrawn="1">
            <p:custDataLst>
              <p:tags r:id="rId76"/>
            </p:custDataLst>
          </p:nvPr>
        </p:nvSpPr>
        <p:spPr>
          <a:xfrm>
            <a:off x="4812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8" name="Rectangle 67" hidden="1">
            <a:extLst>
              <a:ext uri="{FF2B5EF4-FFF2-40B4-BE49-F238E27FC236}">
                <a16:creationId xmlns:a16="http://schemas.microsoft.com/office/drawing/2014/main" id="{4A561C12-BD2C-4ABE-9ACE-047842A9B253}"/>
              </a:ext>
            </a:extLst>
          </p:cNvPr>
          <p:cNvSpPr/>
          <p:nvPr userDrawn="1">
            <p:custDataLst>
              <p:tags r:id="rId77"/>
            </p:custDataLst>
          </p:nvPr>
        </p:nvSpPr>
        <p:spPr>
          <a:xfrm>
            <a:off x="5136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9" name="Rectangle 68" hidden="1">
            <a:extLst>
              <a:ext uri="{FF2B5EF4-FFF2-40B4-BE49-F238E27FC236}">
                <a16:creationId xmlns:a16="http://schemas.microsoft.com/office/drawing/2014/main" id="{1F79B3EE-7015-44C0-B98B-D7976E3CC6C0}"/>
              </a:ext>
            </a:extLst>
          </p:cNvPr>
          <p:cNvSpPr/>
          <p:nvPr userDrawn="1">
            <p:custDataLst>
              <p:tags r:id="rId78"/>
            </p:custDataLst>
          </p:nvPr>
        </p:nvSpPr>
        <p:spPr>
          <a:xfrm>
            <a:off x="7056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0" name="Rectangle 69" hidden="1">
            <a:extLst>
              <a:ext uri="{FF2B5EF4-FFF2-40B4-BE49-F238E27FC236}">
                <a16:creationId xmlns:a16="http://schemas.microsoft.com/office/drawing/2014/main" id="{55195DF3-05B5-49EC-8E2A-6D131BFB07E4}"/>
              </a:ext>
            </a:extLst>
          </p:cNvPr>
          <p:cNvSpPr/>
          <p:nvPr userDrawn="1">
            <p:custDataLst>
              <p:tags r:id="rId79"/>
            </p:custDataLst>
          </p:nvPr>
        </p:nvSpPr>
        <p:spPr>
          <a:xfrm>
            <a:off x="5136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1" name="Rectangle 70" hidden="1">
            <a:extLst>
              <a:ext uri="{FF2B5EF4-FFF2-40B4-BE49-F238E27FC236}">
                <a16:creationId xmlns:a16="http://schemas.microsoft.com/office/drawing/2014/main" id="{6C7ACCBF-3785-451F-8D26-06EB8169ED29}"/>
              </a:ext>
            </a:extLst>
          </p:cNvPr>
          <p:cNvSpPr/>
          <p:nvPr userDrawn="1">
            <p:custDataLst>
              <p:tags r:id="rId80"/>
            </p:custDataLst>
          </p:nvPr>
        </p:nvSpPr>
        <p:spPr>
          <a:xfrm>
            <a:off x="7056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2" name="Rectangle 71" hidden="1">
            <a:extLst>
              <a:ext uri="{FF2B5EF4-FFF2-40B4-BE49-F238E27FC236}">
                <a16:creationId xmlns:a16="http://schemas.microsoft.com/office/drawing/2014/main" id="{0DB1FB36-F0B8-4569-B24C-A7FE882E3A0D}"/>
              </a:ext>
            </a:extLst>
          </p:cNvPr>
          <p:cNvSpPr/>
          <p:nvPr userDrawn="1">
            <p:custDataLst>
              <p:tags r:id="rId81"/>
            </p:custDataLst>
          </p:nvPr>
        </p:nvSpPr>
        <p:spPr>
          <a:xfrm>
            <a:off x="5136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3" name="Rectangle 72" hidden="1">
            <a:extLst>
              <a:ext uri="{FF2B5EF4-FFF2-40B4-BE49-F238E27FC236}">
                <a16:creationId xmlns:a16="http://schemas.microsoft.com/office/drawing/2014/main" id="{A16BF7E9-5EB1-4763-B3B3-B9BDDFCE9368}"/>
              </a:ext>
            </a:extLst>
          </p:cNvPr>
          <p:cNvSpPr/>
          <p:nvPr userDrawn="1">
            <p:custDataLst>
              <p:tags r:id="rId82"/>
            </p:custDataLst>
          </p:nvPr>
        </p:nvSpPr>
        <p:spPr>
          <a:xfrm>
            <a:off x="7056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4" name="Rectangle 73" hidden="1">
            <a:extLst>
              <a:ext uri="{FF2B5EF4-FFF2-40B4-BE49-F238E27FC236}">
                <a16:creationId xmlns:a16="http://schemas.microsoft.com/office/drawing/2014/main" id="{B859330A-8EF0-4EC1-8579-E436CA633192}"/>
              </a:ext>
            </a:extLst>
          </p:cNvPr>
          <p:cNvSpPr/>
          <p:nvPr userDrawn="1">
            <p:custDataLst>
              <p:tags r:id="rId83"/>
            </p:custDataLst>
          </p:nvPr>
        </p:nvSpPr>
        <p:spPr>
          <a:xfrm>
            <a:off x="5136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5" name="Rectangle 74" hidden="1">
            <a:extLst>
              <a:ext uri="{FF2B5EF4-FFF2-40B4-BE49-F238E27FC236}">
                <a16:creationId xmlns:a16="http://schemas.microsoft.com/office/drawing/2014/main" id="{28ADAA1F-5B13-4CA7-92F6-B9BD284DD1E1}"/>
              </a:ext>
            </a:extLst>
          </p:cNvPr>
          <p:cNvSpPr/>
          <p:nvPr userDrawn="1">
            <p:custDataLst>
              <p:tags r:id="rId84"/>
            </p:custDataLst>
          </p:nvPr>
        </p:nvSpPr>
        <p:spPr>
          <a:xfrm>
            <a:off x="7056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6" name="Rectangle 75" hidden="1">
            <a:extLst>
              <a:ext uri="{FF2B5EF4-FFF2-40B4-BE49-F238E27FC236}">
                <a16:creationId xmlns:a16="http://schemas.microsoft.com/office/drawing/2014/main" id="{D063FCBC-0F82-4BF7-A4F3-63086372BCA1}"/>
              </a:ext>
            </a:extLst>
          </p:cNvPr>
          <p:cNvSpPr/>
          <p:nvPr userDrawn="1">
            <p:custDataLst>
              <p:tags r:id="rId85"/>
            </p:custDataLst>
          </p:nvPr>
        </p:nvSpPr>
        <p:spPr>
          <a:xfrm>
            <a:off x="7380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7" name="Rectangle 76" hidden="1">
            <a:extLst>
              <a:ext uri="{FF2B5EF4-FFF2-40B4-BE49-F238E27FC236}">
                <a16:creationId xmlns:a16="http://schemas.microsoft.com/office/drawing/2014/main" id="{CE645546-D2AC-47E6-9FEE-B872688AACBC}"/>
              </a:ext>
            </a:extLst>
          </p:cNvPr>
          <p:cNvSpPr/>
          <p:nvPr userDrawn="1">
            <p:custDataLst>
              <p:tags r:id="rId86"/>
            </p:custDataLst>
          </p:nvPr>
        </p:nvSpPr>
        <p:spPr>
          <a:xfrm>
            <a:off x="9300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8" name="Rectangle 77" hidden="1">
            <a:extLst>
              <a:ext uri="{FF2B5EF4-FFF2-40B4-BE49-F238E27FC236}">
                <a16:creationId xmlns:a16="http://schemas.microsoft.com/office/drawing/2014/main" id="{67D40869-4909-44AB-ADF7-F7E881C8F368}"/>
              </a:ext>
            </a:extLst>
          </p:cNvPr>
          <p:cNvSpPr/>
          <p:nvPr userDrawn="1">
            <p:custDataLst>
              <p:tags r:id="rId87"/>
            </p:custDataLst>
          </p:nvPr>
        </p:nvSpPr>
        <p:spPr>
          <a:xfrm>
            <a:off x="7380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9" name="Rectangle 78" hidden="1">
            <a:extLst>
              <a:ext uri="{FF2B5EF4-FFF2-40B4-BE49-F238E27FC236}">
                <a16:creationId xmlns:a16="http://schemas.microsoft.com/office/drawing/2014/main" id="{135A9F82-A30E-49D6-85D5-F27123AF0F10}"/>
              </a:ext>
            </a:extLst>
          </p:cNvPr>
          <p:cNvSpPr/>
          <p:nvPr userDrawn="1">
            <p:custDataLst>
              <p:tags r:id="rId88"/>
            </p:custDataLst>
          </p:nvPr>
        </p:nvSpPr>
        <p:spPr>
          <a:xfrm>
            <a:off x="9300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0" name="Rectangle 79" hidden="1">
            <a:extLst>
              <a:ext uri="{FF2B5EF4-FFF2-40B4-BE49-F238E27FC236}">
                <a16:creationId xmlns:a16="http://schemas.microsoft.com/office/drawing/2014/main" id="{95983F4E-3EE6-4BD7-AD35-C47ED01C5ED4}"/>
              </a:ext>
            </a:extLst>
          </p:cNvPr>
          <p:cNvSpPr/>
          <p:nvPr userDrawn="1">
            <p:custDataLst>
              <p:tags r:id="rId89"/>
            </p:custDataLst>
          </p:nvPr>
        </p:nvSpPr>
        <p:spPr>
          <a:xfrm>
            <a:off x="7380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1" name="Rectangle 80" hidden="1">
            <a:extLst>
              <a:ext uri="{FF2B5EF4-FFF2-40B4-BE49-F238E27FC236}">
                <a16:creationId xmlns:a16="http://schemas.microsoft.com/office/drawing/2014/main" id="{F717EFA4-0ED4-4A46-9AFD-0F0A6E65D253}"/>
              </a:ext>
            </a:extLst>
          </p:cNvPr>
          <p:cNvSpPr/>
          <p:nvPr userDrawn="1">
            <p:custDataLst>
              <p:tags r:id="rId90"/>
            </p:custDataLst>
          </p:nvPr>
        </p:nvSpPr>
        <p:spPr>
          <a:xfrm>
            <a:off x="9300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2" name="Rectangle 81" hidden="1">
            <a:extLst>
              <a:ext uri="{FF2B5EF4-FFF2-40B4-BE49-F238E27FC236}">
                <a16:creationId xmlns:a16="http://schemas.microsoft.com/office/drawing/2014/main" id="{6E85224F-39CC-4044-9201-BDF5309E2509}"/>
              </a:ext>
            </a:extLst>
          </p:cNvPr>
          <p:cNvSpPr/>
          <p:nvPr userDrawn="1">
            <p:custDataLst>
              <p:tags r:id="rId91"/>
            </p:custDataLst>
          </p:nvPr>
        </p:nvSpPr>
        <p:spPr>
          <a:xfrm>
            <a:off x="7380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3" name="Rectangle 82" hidden="1">
            <a:extLst>
              <a:ext uri="{FF2B5EF4-FFF2-40B4-BE49-F238E27FC236}">
                <a16:creationId xmlns:a16="http://schemas.microsoft.com/office/drawing/2014/main" id="{C5FFBE79-1CFF-48A7-9FA3-6763881AA963}"/>
              </a:ext>
            </a:extLst>
          </p:cNvPr>
          <p:cNvSpPr/>
          <p:nvPr userDrawn="1">
            <p:custDataLst>
              <p:tags r:id="rId92"/>
            </p:custDataLst>
          </p:nvPr>
        </p:nvSpPr>
        <p:spPr>
          <a:xfrm>
            <a:off x="9300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4" name="Rectangle 83" hidden="1">
            <a:extLst>
              <a:ext uri="{FF2B5EF4-FFF2-40B4-BE49-F238E27FC236}">
                <a16:creationId xmlns:a16="http://schemas.microsoft.com/office/drawing/2014/main" id="{C7039B6D-AC56-40A5-858D-599754E1E0AD}"/>
              </a:ext>
            </a:extLst>
          </p:cNvPr>
          <p:cNvSpPr/>
          <p:nvPr userDrawn="1">
            <p:custDataLst>
              <p:tags r:id="rId93"/>
            </p:custDataLst>
          </p:nvPr>
        </p:nvSpPr>
        <p:spPr>
          <a:xfrm>
            <a:off x="9624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5" name="Rectangle 84" hidden="1">
            <a:extLst>
              <a:ext uri="{FF2B5EF4-FFF2-40B4-BE49-F238E27FC236}">
                <a16:creationId xmlns:a16="http://schemas.microsoft.com/office/drawing/2014/main" id="{71018EC8-1FEE-415C-B1E0-DAFC251C6F4F}"/>
              </a:ext>
            </a:extLst>
          </p:cNvPr>
          <p:cNvSpPr/>
          <p:nvPr userDrawn="1">
            <p:custDataLst>
              <p:tags r:id="rId94"/>
            </p:custDataLst>
          </p:nvPr>
        </p:nvSpPr>
        <p:spPr>
          <a:xfrm>
            <a:off x="1154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6" name="Rectangle 85" hidden="1">
            <a:extLst>
              <a:ext uri="{FF2B5EF4-FFF2-40B4-BE49-F238E27FC236}">
                <a16:creationId xmlns:a16="http://schemas.microsoft.com/office/drawing/2014/main" id="{33D0B803-F928-4AB8-9FA8-7A2550C65926}"/>
              </a:ext>
            </a:extLst>
          </p:cNvPr>
          <p:cNvSpPr/>
          <p:nvPr userDrawn="1">
            <p:custDataLst>
              <p:tags r:id="rId95"/>
            </p:custDataLst>
          </p:nvPr>
        </p:nvSpPr>
        <p:spPr>
          <a:xfrm>
            <a:off x="9624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7" name="Rectangle 86" hidden="1">
            <a:extLst>
              <a:ext uri="{FF2B5EF4-FFF2-40B4-BE49-F238E27FC236}">
                <a16:creationId xmlns:a16="http://schemas.microsoft.com/office/drawing/2014/main" id="{A74BCB38-7D1D-4BB9-94CE-ADBDC5DAB010}"/>
              </a:ext>
            </a:extLst>
          </p:cNvPr>
          <p:cNvSpPr/>
          <p:nvPr userDrawn="1">
            <p:custDataLst>
              <p:tags r:id="rId96"/>
            </p:custDataLst>
          </p:nvPr>
        </p:nvSpPr>
        <p:spPr>
          <a:xfrm>
            <a:off x="1154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8" name="Rectangle 87" hidden="1">
            <a:extLst>
              <a:ext uri="{FF2B5EF4-FFF2-40B4-BE49-F238E27FC236}">
                <a16:creationId xmlns:a16="http://schemas.microsoft.com/office/drawing/2014/main" id="{6E6BC775-1DC0-42CB-BA95-EB6F78CFD0FE}"/>
              </a:ext>
            </a:extLst>
          </p:cNvPr>
          <p:cNvSpPr/>
          <p:nvPr userDrawn="1">
            <p:custDataLst>
              <p:tags r:id="rId97"/>
            </p:custDataLst>
          </p:nvPr>
        </p:nvSpPr>
        <p:spPr>
          <a:xfrm>
            <a:off x="9624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9" name="Rectangle 88" hidden="1">
            <a:extLst>
              <a:ext uri="{FF2B5EF4-FFF2-40B4-BE49-F238E27FC236}">
                <a16:creationId xmlns:a16="http://schemas.microsoft.com/office/drawing/2014/main" id="{95792BBB-2B34-4739-8C69-B66E64F8A279}"/>
              </a:ext>
            </a:extLst>
          </p:cNvPr>
          <p:cNvSpPr/>
          <p:nvPr userDrawn="1">
            <p:custDataLst>
              <p:tags r:id="rId98"/>
            </p:custDataLst>
          </p:nvPr>
        </p:nvSpPr>
        <p:spPr>
          <a:xfrm>
            <a:off x="1154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0" name="Rectangle 89" hidden="1">
            <a:extLst>
              <a:ext uri="{FF2B5EF4-FFF2-40B4-BE49-F238E27FC236}">
                <a16:creationId xmlns:a16="http://schemas.microsoft.com/office/drawing/2014/main" id="{E8FDD868-6922-48B4-976C-6F9677663DAF}"/>
              </a:ext>
            </a:extLst>
          </p:cNvPr>
          <p:cNvSpPr/>
          <p:nvPr userDrawn="1">
            <p:custDataLst>
              <p:tags r:id="rId99"/>
            </p:custDataLst>
          </p:nvPr>
        </p:nvSpPr>
        <p:spPr>
          <a:xfrm>
            <a:off x="9624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1" name="Rectangle 90" hidden="1">
            <a:extLst>
              <a:ext uri="{FF2B5EF4-FFF2-40B4-BE49-F238E27FC236}">
                <a16:creationId xmlns:a16="http://schemas.microsoft.com/office/drawing/2014/main" id="{E3A8AF86-B9FD-4654-82BA-248AF9D72F7C}"/>
              </a:ext>
            </a:extLst>
          </p:cNvPr>
          <p:cNvSpPr/>
          <p:nvPr userDrawn="1">
            <p:custDataLst>
              <p:tags r:id="rId100"/>
            </p:custDataLst>
          </p:nvPr>
        </p:nvSpPr>
        <p:spPr>
          <a:xfrm>
            <a:off x="1154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2" name="Rectangle 91" hidden="1">
            <a:extLst>
              <a:ext uri="{FF2B5EF4-FFF2-40B4-BE49-F238E27FC236}">
                <a16:creationId xmlns:a16="http://schemas.microsoft.com/office/drawing/2014/main" id="{F1579785-2978-4428-A96D-6D6718940F9D}"/>
              </a:ext>
            </a:extLst>
          </p:cNvPr>
          <p:cNvSpPr/>
          <p:nvPr userDrawn="1">
            <p:custDataLst>
              <p:tags r:id="rId101"/>
            </p:custDataLst>
          </p:nvPr>
        </p:nvSpPr>
        <p:spPr>
          <a:xfrm>
            <a:off x="32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3" name="Rectangle 92" hidden="1">
            <a:extLst>
              <a:ext uri="{FF2B5EF4-FFF2-40B4-BE49-F238E27FC236}">
                <a16:creationId xmlns:a16="http://schemas.microsoft.com/office/drawing/2014/main" id="{0584FA97-4AB6-4A5E-91FB-95E9E602EA26}"/>
              </a:ext>
            </a:extLst>
          </p:cNvPr>
          <p:cNvSpPr/>
          <p:nvPr userDrawn="1">
            <p:custDataLst>
              <p:tags r:id="rId102"/>
            </p:custDataLst>
          </p:nvPr>
        </p:nvSpPr>
        <p:spPr>
          <a:xfrm>
            <a:off x="2568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4" name="Rectangle 93" hidden="1">
            <a:extLst>
              <a:ext uri="{FF2B5EF4-FFF2-40B4-BE49-F238E27FC236}">
                <a16:creationId xmlns:a16="http://schemas.microsoft.com/office/drawing/2014/main" id="{A48EE25C-475F-4316-B6A2-011BEE3BCD92}"/>
              </a:ext>
            </a:extLst>
          </p:cNvPr>
          <p:cNvSpPr/>
          <p:nvPr userDrawn="1">
            <p:custDataLst>
              <p:tags r:id="rId103"/>
            </p:custDataLst>
          </p:nvPr>
        </p:nvSpPr>
        <p:spPr>
          <a:xfrm>
            <a:off x="4812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5" name="Rectangle 94" hidden="1">
            <a:extLst>
              <a:ext uri="{FF2B5EF4-FFF2-40B4-BE49-F238E27FC236}">
                <a16:creationId xmlns:a16="http://schemas.microsoft.com/office/drawing/2014/main" id="{7E857FE4-C9A3-45B7-B041-66EE09495EEC}"/>
              </a:ext>
            </a:extLst>
          </p:cNvPr>
          <p:cNvSpPr/>
          <p:nvPr userDrawn="1">
            <p:custDataLst>
              <p:tags r:id="rId104"/>
            </p:custDataLst>
          </p:nvPr>
        </p:nvSpPr>
        <p:spPr>
          <a:xfrm>
            <a:off x="7056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6" name="Rectangle 95" hidden="1">
            <a:extLst>
              <a:ext uri="{FF2B5EF4-FFF2-40B4-BE49-F238E27FC236}">
                <a16:creationId xmlns:a16="http://schemas.microsoft.com/office/drawing/2014/main" id="{9B5A1CBD-EB02-4B45-AF38-AAD0F53B4AD5}"/>
              </a:ext>
            </a:extLst>
          </p:cNvPr>
          <p:cNvSpPr/>
          <p:nvPr userDrawn="1">
            <p:custDataLst>
              <p:tags r:id="rId105"/>
            </p:custDataLst>
          </p:nvPr>
        </p:nvSpPr>
        <p:spPr>
          <a:xfrm>
            <a:off x="9300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7" name="Rectangle 96" hidden="1">
            <a:extLst>
              <a:ext uri="{FF2B5EF4-FFF2-40B4-BE49-F238E27FC236}">
                <a16:creationId xmlns:a16="http://schemas.microsoft.com/office/drawing/2014/main" id="{B80B4760-EF40-4F2E-9A91-131FFC1E37B4}"/>
              </a:ext>
            </a:extLst>
          </p:cNvPr>
          <p:cNvSpPr/>
          <p:nvPr userDrawn="1">
            <p:custDataLst>
              <p:tags r:id="rId106"/>
            </p:custDataLst>
          </p:nvPr>
        </p:nvSpPr>
        <p:spPr>
          <a:xfrm>
            <a:off x="1154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8" name="Rectangle 97" hidden="1">
            <a:extLst>
              <a:ext uri="{FF2B5EF4-FFF2-40B4-BE49-F238E27FC236}">
                <a16:creationId xmlns:a16="http://schemas.microsoft.com/office/drawing/2014/main" id="{8E8A7F77-3721-4815-B970-1D077CD2DA75}"/>
              </a:ext>
            </a:extLst>
          </p:cNvPr>
          <p:cNvSpPr/>
          <p:nvPr userDrawn="1">
            <p:custDataLst>
              <p:tags r:id="rId107"/>
            </p:custDataLst>
          </p:nvPr>
        </p:nvSpPr>
        <p:spPr>
          <a:xfrm>
            <a:off x="32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9" name="Rectangle 98" hidden="1">
            <a:extLst>
              <a:ext uri="{FF2B5EF4-FFF2-40B4-BE49-F238E27FC236}">
                <a16:creationId xmlns:a16="http://schemas.microsoft.com/office/drawing/2014/main" id="{55C42CA1-292D-4FB8-8399-74D1AD374EBE}"/>
              </a:ext>
            </a:extLst>
          </p:cNvPr>
          <p:cNvSpPr/>
          <p:nvPr userDrawn="1">
            <p:custDataLst>
              <p:tags r:id="rId108"/>
            </p:custDataLst>
          </p:nvPr>
        </p:nvSpPr>
        <p:spPr>
          <a:xfrm>
            <a:off x="2568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0" name="Rectangle 99" hidden="1">
            <a:extLst>
              <a:ext uri="{FF2B5EF4-FFF2-40B4-BE49-F238E27FC236}">
                <a16:creationId xmlns:a16="http://schemas.microsoft.com/office/drawing/2014/main" id="{76F4910F-0223-4A58-B2B3-CC1032CA6A96}"/>
              </a:ext>
            </a:extLst>
          </p:cNvPr>
          <p:cNvSpPr/>
          <p:nvPr userDrawn="1">
            <p:custDataLst>
              <p:tags r:id="rId109"/>
            </p:custDataLst>
          </p:nvPr>
        </p:nvSpPr>
        <p:spPr>
          <a:xfrm>
            <a:off x="4812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1" name="Rectangle 100" hidden="1">
            <a:extLst>
              <a:ext uri="{FF2B5EF4-FFF2-40B4-BE49-F238E27FC236}">
                <a16:creationId xmlns:a16="http://schemas.microsoft.com/office/drawing/2014/main" id="{309CA6FE-3AA4-4E04-82CE-33A9467E0E6A}"/>
              </a:ext>
            </a:extLst>
          </p:cNvPr>
          <p:cNvSpPr/>
          <p:nvPr userDrawn="1">
            <p:custDataLst>
              <p:tags r:id="rId110"/>
            </p:custDataLst>
          </p:nvPr>
        </p:nvSpPr>
        <p:spPr>
          <a:xfrm>
            <a:off x="7056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2" name="Rectangle 101" hidden="1">
            <a:extLst>
              <a:ext uri="{FF2B5EF4-FFF2-40B4-BE49-F238E27FC236}">
                <a16:creationId xmlns:a16="http://schemas.microsoft.com/office/drawing/2014/main" id="{D3FAE458-E122-4E17-A2BB-860390DB639B}"/>
              </a:ext>
            </a:extLst>
          </p:cNvPr>
          <p:cNvSpPr/>
          <p:nvPr userDrawn="1">
            <p:custDataLst>
              <p:tags r:id="rId111"/>
            </p:custDataLst>
          </p:nvPr>
        </p:nvSpPr>
        <p:spPr>
          <a:xfrm>
            <a:off x="9300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3" name="Rectangle 102" hidden="1">
            <a:extLst>
              <a:ext uri="{FF2B5EF4-FFF2-40B4-BE49-F238E27FC236}">
                <a16:creationId xmlns:a16="http://schemas.microsoft.com/office/drawing/2014/main" id="{09CCF6D6-3C14-49F1-9CCF-BB2BB02BA463}"/>
              </a:ext>
            </a:extLst>
          </p:cNvPr>
          <p:cNvSpPr/>
          <p:nvPr userDrawn="1">
            <p:custDataLst>
              <p:tags r:id="rId112"/>
            </p:custDataLst>
          </p:nvPr>
        </p:nvSpPr>
        <p:spPr>
          <a:xfrm>
            <a:off x="1154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4" name="Rectangle 103" hidden="1">
            <a:extLst>
              <a:ext uri="{FF2B5EF4-FFF2-40B4-BE49-F238E27FC236}">
                <a16:creationId xmlns:a16="http://schemas.microsoft.com/office/drawing/2014/main" id="{89199ED3-108C-4CB1-85A2-7274AF6D76B6}"/>
              </a:ext>
            </a:extLst>
          </p:cNvPr>
          <p:cNvSpPr/>
          <p:nvPr userDrawn="1">
            <p:custDataLst>
              <p:tags r:id="rId113"/>
            </p:custDataLst>
          </p:nvPr>
        </p:nvSpPr>
        <p:spPr>
          <a:xfrm>
            <a:off x="648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5" name="Rectangle 104" hidden="1">
            <a:extLst>
              <a:ext uri="{FF2B5EF4-FFF2-40B4-BE49-F238E27FC236}">
                <a16:creationId xmlns:a16="http://schemas.microsoft.com/office/drawing/2014/main" id="{F4889CBE-7887-46C6-99BA-4A154FF96016}"/>
              </a:ext>
            </a:extLst>
          </p:cNvPr>
          <p:cNvSpPr/>
          <p:nvPr userDrawn="1">
            <p:custDataLst>
              <p:tags r:id="rId114"/>
            </p:custDataLst>
          </p:nvPr>
        </p:nvSpPr>
        <p:spPr>
          <a:xfrm>
            <a:off x="2892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6" name="Rectangle 105" hidden="1">
            <a:extLst>
              <a:ext uri="{FF2B5EF4-FFF2-40B4-BE49-F238E27FC236}">
                <a16:creationId xmlns:a16="http://schemas.microsoft.com/office/drawing/2014/main" id="{2714EDDA-63CD-4C57-BF1D-55D84EF7DA1C}"/>
              </a:ext>
            </a:extLst>
          </p:cNvPr>
          <p:cNvSpPr/>
          <p:nvPr userDrawn="1">
            <p:custDataLst>
              <p:tags r:id="rId115"/>
            </p:custDataLst>
          </p:nvPr>
        </p:nvSpPr>
        <p:spPr>
          <a:xfrm>
            <a:off x="5136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7" name="Rectangle 106" hidden="1">
            <a:extLst>
              <a:ext uri="{FF2B5EF4-FFF2-40B4-BE49-F238E27FC236}">
                <a16:creationId xmlns:a16="http://schemas.microsoft.com/office/drawing/2014/main" id="{5A4A540B-AB24-4508-BDE2-193816CE6C2F}"/>
              </a:ext>
            </a:extLst>
          </p:cNvPr>
          <p:cNvSpPr/>
          <p:nvPr userDrawn="1">
            <p:custDataLst>
              <p:tags r:id="rId116"/>
            </p:custDataLst>
          </p:nvPr>
        </p:nvSpPr>
        <p:spPr>
          <a:xfrm>
            <a:off x="7380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8" name="Rectangle 107" hidden="1">
            <a:extLst>
              <a:ext uri="{FF2B5EF4-FFF2-40B4-BE49-F238E27FC236}">
                <a16:creationId xmlns:a16="http://schemas.microsoft.com/office/drawing/2014/main" id="{2E588317-42FC-4AFD-BF07-4EEAEA17B0FB}"/>
              </a:ext>
            </a:extLst>
          </p:cNvPr>
          <p:cNvSpPr/>
          <p:nvPr userDrawn="1">
            <p:custDataLst>
              <p:tags r:id="rId117"/>
            </p:custDataLst>
          </p:nvPr>
        </p:nvSpPr>
        <p:spPr>
          <a:xfrm>
            <a:off x="9624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9" name="Rectangle 108" hidden="1">
            <a:extLst>
              <a:ext uri="{FF2B5EF4-FFF2-40B4-BE49-F238E27FC236}">
                <a16:creationId xmlns:a16="http://schemas.microsoft.com/office/drawing/2014/main" id="{409B9FF3-D5DB-4C25-942C-75E24E0BD588}"/>
              </a:ext>
            </a:extLst>
          </p:cNvPr>
          <p:cNvSpPr/>
          <p:nvPr userDrawn="1">
            <p:custDataLst>
              <p:tags r:id="rId118"/>
            </p:custDataLst>
          </p:nvPr>
        </p:nvSpPr>
        <p:spPr>
          <a:xfrm>
            <a:off x="648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0" name="Rectangle 109" hidden="1">
            <a:extLst>
              <a:ext uri="{FF2B5EF4-FFF2-40B4-BE49-F238E27FC236}">
                <a16:creationId xmlns:a16="http://schemas.microsoft.com/office/drawing/2014/main" id="{B34EB183-B95A-4A10-93F6-B2E688291320}"/>
              </a:ext>
            </a:extLst>
          </p:cNvPr>
          <p:cNvSpPr/>
          <p:nvPr userDrawn="1">
            <p:custDataLst>
              <p:tags r:id="rId119"/>
            </p:custDataLst>
          </p:nvPr>
        </p:nvSpPr>
        <p:spPr>
          <a:xfrm>
            <a:off x="2892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1" name="Rectangle 110" hidden="1">
            <a:extLst>
              <a:ext uri="{FF2B5EF4-FFF2-40B4-BE49-F238E27FC236}">
                <a16:creationId xmlns:a16="http://schemas.microsoft.com/office/drawing/2014/main" id="{9445802B-D13B-4448-BCCA-EAC068866CD3}"/>
              </a:ext>
            </a:extLst>
          </p:cNvPr>
          <p:cNvSpPr/>
          <p:nvPr userDrawn="1">
            <p:custDataLst>
              <p:tags r:id="rId120"/>
            </p:custDataLst>
          </p:nvPr>
        </p:nvSpPr>
        <p:spPr>
          <a:xfrm>
            <a:off x="5136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2" name="Rectangle 111" hidden="1">
            <a:extLst>
              <a:ext uri="{FF2B5EF4-FFF2-40B4-BE49-F238E27FC236}">
                <a16:creationId xmlns:a16="http://schemas.microsoft.com/office/drawing/2014/main" id="{C10B3B33-18E6-4256-821F-887D5B33BF81}"/>
              </a:ext>
            </a:extLst>
          </p:cNvPr>
          <p:cNvSpPr/>
          <p:nvPr userDrawn="1">
            <p:custDataLst>
              <p:tags r:id="rId121"/>
            </p:custDataLst>
          </p:nvPr>
        </p:nvSpPr>
        <p:spPr>
          <a:xfrm>
            <a:off x="7380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C76950B1-616E-4DAB-A1C9-C18FEC9C31D4}"/>
              </a:ext>
            </a:extLst>
          </p:cNvPr>
          <p:cNvSpPr/>
          <p:nvPr userDrawn="1">
            <p:custDataLst>
              <p:tags r:id="rId122"/>
            </p:custDataLst>
          </p:nvPr>
        </p:nvSpPr>
        <p:spPr>
          <a:xfrm>
            <a:off x="9624000" y="4077000"/>
            <a:ext cx="1920000" cy="2133000"/>
          </a:xfrm>
          <a:prstGeom prst="rect">
            <a:avLst/>
          </a:prstGeom>
          <a:noFill/>
          <a:ln w="31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7" name="dynamic logo" descr="{&quot;templafy&quot;:{&quot;id&quot;:&quot;eb58937a-b205-4a27-be49-3bc2e14a8630&quot;}}" title="Form.PLogoChoice.PLogoInsertion">
            <a:extLst>
              <a:ext uri="{FF2B5EF4-FFF2-40B4-BE49-F238E27FC236}">
                <a16:creationId xmlns:a16="http://schemas.microsoft.com/office/drawing/2014/main" id="{AB8085D7-A93F-4552-0ECF-15ED05B26B33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92" r:id="rId2"/>
    <p:sldLayoutId id="2147483796" r:id="rId3"/>
    <p:sldLayoutId id="2147483730" r:id="rId4"/>
    <p:sldLayoutId id="2147483737" r:id="rId5"/>
    <p:sldLayoutId id="2147483801" r:id="rId6"/>
    <p:sldLayoutId id="2147483806" r:id="rId7"/>
    <p:sldLayoutId id="2147483765" r:id="rId8"/>
    <p:sldLayoutId id="2147483731" r:id="rId9"/>
    <p:sldLayoutId id="2147483766" r:id="rId10"/>
    <p:sldLayoutId id="2147483802" r:id="rId11"/>
    <p:sldLayoutId id="2147483804" r:id="rId12"/>
    <p:sldLayoutId id="2147483797" r:id="rId13"/>
    <p:sldLayoutId id="2147483732" r:id="rId14"/>
    <p:sldLayoutId id="2147483767" r:id="rId15"/>
    <p:sldLayoutId id="2147483768" r:id="rId16"/>
    <p:sldLayoutId id="2147483769" r:id="rId17"/>
    <p:sldLayoutId id="2147483770" r:id="rId18"/>
    <p:sldLayoutId id="2147483771" r:id="rId19"/>
    <p:sldLayoutId id="2147483772" r:id="rId20"/>
    <p:sldLayoutId id="2147483790" r:id="rId21"/>
    <p:sldLayoutId id="2147483793" r:id="rId22"/>
    <p:sldLayoutId id="2147483798" r:id="rId23"/>
    <p:sldLayoutId id="2147483794" r:id="rId24"/>
    <p:sldLayoutId id="2147483795" r:id="rId25"/>
    <p:sldLayoutId id="2147483743" r:id="rId26"/>
    <p:sldLayoutId id="2147483744" r:id="rId27"/>
    <p:sldLayoutId id="2147483803" r:id="rId28"/>
    <p:sldLayoutId id="2147483805" r:id="rId29"/>
    <p:sldLayoutId id="2147483807" r:id="rId30"/>
    <p:sldLayoutId id="2147483808" r:id="rId31"/>
    <p:sldLayoutId id="2147483762" r:id="rId32"/>
    <p:sldLayoutId id="2147483751" r:id="rId33"/>
  </p:sldLayoutIdLst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36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1000" b="1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4400" kern="1200" baseline="0">
          <a:solidFill>
            <a:schemeClr val="tx2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08" userDrawn="1">
          <p15:clr>
            <a:srgbClr val="A4A3A4"/>
          </p15:clr>
        </p15:guide>
        <p15:guide id="2" pos="1617" userDrawn="1">
          <p15:clr>
            <a:srgbClr val="A4A3A4"/>
          </p15:clr>
        </p15:guide>
        <p15:guide id="5" pos="3031" userDrawn="1">
          <p15:clr>
            <a:srgbClr val="A4A3A4"/>
          </p15:clr>
        </p15:guide>
        <p15:guide id="6" pos="3235" userDrawn="1">
          <p15:clr>
            <a:srgbClr val="A4A3A4"/>
          </p15:clr>
        </p15:guide>
        <p15:guide id="7" orient="horz" pos="3911" userDrawn="1">
          <p15:clr>
            <a:srgbClr val="A4A3A4"/>
          </p15:clr>
        </p15:guide>
        <p15:guide id="8" orient="horz" pos="4115" userDrawn="1">
          <p15:clr>
            <a:srgbClr val="A4A3A4"/>
          </p15:clr>
        </p15:guide>
        <p15:guide id="9" pos="6063" userDrawn="1">
          <p15:clr>
            <a:srgbClr val="A4A3A4"/>
          </p15:clr>
        </p15:guide>
        <p15:guide id="10" pos="7272" userDrawn="1">
          <p15:clr>
            <a:srgbClr val="A4A3A4"/>
          </p15:clr>
        </p15:guide>
        <p15:guide id="12" pos="4444" userDrawn="1">
          <p15:clr>
            <a:srgbClr val="A4A3A4"/>
          </p15:clr>
        </p15:guide>
        <p15:guide id="13" pos="4648" userDrawn="1">
          <p15:clr>
            <a:srgbClr val="A4A3A4"/>
          </p15:clr>
        </p15:guide>
        <p15:guide id="14" orient="horz" pos="204" userDrawn="1">
          <p15:clr>
            <a:srgbClr val="A4A3A4"/>
          </p15:clr>
        </p15:guide>
        <p15:guide id="15" orient="horz" pos="408" userDrawn="1">
          <p15:clr>
            <a:srgbClr val="A4A3A4"/>
          </p15:clr>
        </p15:guide>
        <p15:guide id="16" pos="1821" userDrawn="1">
          <p15:clr>
            <a:srgbClr val="A4A3A4"/>
          </p15:clr>
        </p15:guide>
        <p15:guide id="18" pos="5859" userDrawn="1">
          <p15:clr>
            <a:srgbClr val="A4A3A4"/>
          </p15:clr>
        </p15:guide>
        <p15:guide id="20" pos="7476" userDrawn="1">
          <p15:clr>
            <a:srgbClr val="A4A3A4"/>
          </p15:clr>
        </p15:guide>
        <p15:guide id="21" pos="20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1.png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png"/><Relationship Id="rId3" Type="http://schemas.openxmlformats.org/officeDocument/2006/relationships/image" Target="../media/image24.png"/><Relationship Id="rId7" Type="http://schemas.openxmlformats.org/officeDocument/2006/relationships/image" Target="../media/image28.png"/><Relationship Id="rId12" Type="http://schemas.openxmlformats.org/officeDocument/2006/relationships/image" Target="../media/image33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6.xml"/><Relationship Id="rId6" Type="http://schemas.openxmlformats.org/officeDocument/2006/relationships/image" Target="../media/image27.png"/><Relationship Id="rId11" Type="http://schemas.openxmlformats.org/officeDocument/2006/relationships/image" Target="../media/image32.png"/><Relationship Id="rId5" Type="http://schemas.openxmlformats.org/officeDocument/2006/relationships/image" Target="../media/image26.png"/><Relationship Id="rId10" Type="http://schemas.openxmlformats.org/officeDocument/2006/relationships/image" Target="../media/image31.png"/><Relationship Id="rId4" Type="http://schemas.openxmlformats.org/officeDocument/2006/relationships/image" Target="../media/image25.png"/><Relationship Id="rId9" Type="http://schemas.openxmlformats.org/officeDocument/2006/relationships/image" Target="../media/image3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26.xml"/><Relationship Id="rId4" Type="http://schemas.openxmlformats.org/officeDocument/2006/relationships/image" Target="../media/image35.png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7.png"/><Relationship Id="rId3" Type="http://schemas.openxmlformats.org/officeDocument/2006/relationships/image" Target="../media/image35.png"/><Relationship Id="rId7" Type="http://schemas.openxmlformats.org/officeDocument/2006/relationships/customXml" Target="../ink/ink2.xml"/><Relationship Id="rId12" Type="http://schemas.openxmlformats.org/officeDocument/2006/relationships/image" Target="../media/image39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26.xml"/><Relationship Id="rId6" Type="http://schemas.openxmlformats.org/officeDocument/2006/relationships/image" Target="../media/image36.png"/><Relationship Id="rId11" Type="http://schemas.openxmlformats.org/officeDocument/2006/relationships/customXml" Target="../ink/ink4.xml"/><Relationship Id="rId5" Type="http://schemas.openxmlformats.org/officeDocument/2006/relationships/customXml" Target="../ink/ink1.xml"/><Relationship Id="rId10" Type="http://schemas.openxmlformats.org/officeDocument/2006/relationships/image" Target="../media/image38.png"/><Relationship Id="rId4" Type="http://schemas.openxmlformats.org/officeDocument/2006/relationships/image" Target="../media/image23.png"/><Relationship Id="rId9" Type="http://schemas.openxmlformats.org/officeDocument/2006/relationships/customXml" Target="../ink/ink3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1.xml"/><Relationship Id="rId3" Type="http://schemas.openxmlformats.org/officeDocument/2006/relationships/slideLayout" Target="../slideLayouts/slideLayout22.xml"/><Relationship Id="rId7" Type="http://schemas.openxmlformats.org/officeDocument/2006/relationships/diagramQuickStyle" Target="../diagrams/quickStyle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diagramLayout" Target="../diagrams/layout1.xml"/><Relationship Id="rId5" Type="http://schemas.openxmlformats.org/officeDocument/2006/relationships/diagramData" Target="../diagrams/data1.xml"/><Relationship Id="rId10" Type="http://schemas.openxmlformats.org/officeDocument/2006/relationships/image" Target="../media/image12.png"/><Relationship Id="rId4" Type="http://schemas.openxmlformats.org/officeDocument/2006/relationships/notesSlide" Target="../notesSlides/notesSlide1.xml"/><Relationship Id="rId9" Type="http://schemas.microsoft.com/office/2007/relationships/diagramDrawing" Target="../diagrams/drawing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13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CF38CB3E-62AC-40BE-824F-4BC7B7B7821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R vision for HTA</a:t>
            </a:r>
            <a:br>
              <a:rPr lang="en-GB" dirty="0"/>
            </a:br>
            <a:r>
              <a:rPr lang="en-GB" sz="2800" dirty="0"/>
              <a:t>R-consortium HTA-W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F8826CA8-AAB7-4C74-A127-D44D838C3D2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Christian Haargaard Olsen</a:t>
            </a:r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D19C0A48-D5CB-48FD-BD17-ED27110C6D7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7A4B6A3-2F32-4E08-8977-44A2E775F65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3FF7D07-244D-4AD8-A533-938BDBF811F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 dirty="0"/>
              <a:t>20MAR2025</a:t>
            </a:r>
            <a:endParaRPr lang="en-GB" dirty="0"/>
          </a:p>
        </p:txBody>
      </p:sp>
      <p:pic>
        <p:nvPicPr>
          <p:cNvPr id="2062" name="Picture 14" descr="Plot">
            <a:extLst>
              <a:ext uri="{FF2B5EF4-FFF2-40B4-BE49-F238E27FC236}">
                <a16:creationId xmlns:a16="http://schemas.microsoft.com/office/drawing/2014/main" id="{1EF38120-33AE-0862-D480-57B086DE04B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6800" y="1571303"/>
            <a:ext cx="3564194" cy="35641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9851107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lowchart: Magnetic Disk 6">
            <a:extLst>
              <a:ext uri="{FF2B5EF4-FFF2-40B4-BE49-F238E27FC236}">
                <a16:creationId xmlns:a16="http://schemas.microsoft.com/office/drawing/2014/main" id="{1B6C3E85-4F1C-F8FA-672E-8161E3A609FB}"/>
              </a:ext>
            </a:extLst>
          </p:cNvPr>
          <p:cNvSpPr/>
          <p:nvPr/>
        </p:nvSpPr>
        <p:spPr>
          <a:xfrm>
            <a:off x="644425" y="4878951"/>
            <a:ext cx="1193800" cy="1284224"/>
          </a:xfrm>
          <a:prstGeom prst="flowChartMagneticDisk">
            <a:avLst/>
          </a:prstGeom>
          <a:solidFill>
            <a:schemeClr val="accent1">
              <a:lumMod val="10000"/>
              <a:lumOff val="9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2000" noProof="0">
                <a:solidFill>
                  <a:schemeClr val="accent1"/>
                </a:solidFill>
              </a:rPr>
              <a:t>Data</a:t>
            </a:r>
          </a:p>
        </p:txBody>
      </p:sp>
      <p:sp>
        <p:nvSpPr>
          <p:cNvPr id="8" name="Flowchart: Document 7">
            <a:extLst>
              <a:ext uri="{FF2B5EF4-FFF2-40B4-BE49-F238E27FC236}">
                <a16:creationId xmlns:a16="http://schemas.microsoft.com/office/drawing/2014/main" id="{AC62BFF7-CBB5-EC0F-6265-5CE2B57861E3}"/>
              </a:ext>
            </a:extLst>
          </p:cNvPr>
          <p:cNvSpPr/>
          <p:nvPr/>
        </p:nvSpPr>
        <p:spPr>
          <a:xfrm>
            <a:off x="729528" y="3248002"/>
            <a:ext cx="1828800" cy="1284224"/>
          </a:xfrm>
          <a:prstGeom prst="flowChartDocument">
            <a:avLst/>
          </a:prstGeom>
          <a:solidFill>
            <a:schemeClr val="accent1">
              <a:lumMod val="10000"/>
              <a:lumOff val="9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36000" rIns="0" bIns="36000" rtlCol="0" anchor="ctr"/>
          <a:lstStyle/>
          <a:p>
            <a:pPr algn="ctr"/>
            <a:r>
              <a:rPr lang="en-GB" sz="2000" noProof="0">
                <a:solidFill>
                  <a:schemeClr val="accent1"/>
                </a:solidFill>
              </a:rPr>
              <a:t>Specifications</a:t>
            </a:r>
          </a:p>
        </p:txBody>
      </p:sp>
      <p:pic>
        <p:nvPicPr>
          <p:cNvPr id="11" name="Picture 5" descr="E:\fppt\template\arrows\arrow3.png">
            <a:extLst>
              <a:ext uri="{FF2B5EF4-FFF2-40B4-BE49-F238E27FC236}">
                <a16:creationId xmlns:a16="http://schemas.microsoft.com/office/drawing/2014/main" id="{3D3585F4-1874-EEC5-2007-1E12E6B725B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2159031">
            <a:off x="2643799" y="3730393"/>
            <a:ext cx="1214280" cy="7315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Flowchart: Magnetic Disk 11">
            <a:extLst>
              <a:ext uri="{FF2B5EF4-FFF2-40B4-BE49-F238E27FC236}">
                <a16:creationId xmlns:a16="http://schemas.microsoft.com/office/drawing/2014/main" id="{3DDA3091-5794-58D7-F0D1-C0A388F85995}"/>
              </a:ext>
            </a:extLst>
          </p:cNvPr>
          <p:cNvSpPr/>
          <p:nvPr/>
        </p:nvSpPr>
        <p:spPr>
          <a:xfrm>
            <a:off x="7452322" y="4654316"/>
            <a:ext cx="1193800" cy="1284224"/>
          </a:xfrm>
          <a:prstGeom prst="flowChartMagneticDisk">
            <a:avLst/>
          </a:prstGeom>
          <a:solidFill>
            <a:schemeClr val="accent4">
              <a:lumMod val="20000"/>
              <a:lumOff val="80000"/>
            </a:schemeClr>
          </a:solidFill>
          <a:ln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2000" noProof="0">
                <a:solidFill>
                  <a:schemeClr val="accent4">
                    <a:lumMod val="50000"/>
                  </a:schemeClr>
                </a:solidFill>
              </a:rPr>
              <a:t>Results</a:t>
            </a:r>
          </a:p>
        </p:txBody>
      </p:sp>
      <p:pic>
        <p:nvPicPr>
          <p:cNvPr id="13" name="Picture 5" descr="E:\fppt\template\arrows\arrow3.png">
            <a:extLst>
              <a:ext uri="{FF2B5EF4-FFF2-40B4-BE49-F238E27FC236}">
                <a16:creationId xmlns:a16="http://schemas.microsoft.com/office/drawing/2014/main" id="{AC80CD69-4C36-53A5-B4C5-59DB4ADFF40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3272223">
            <a:off x="6173013" y="4445985"/>
            <a:ext cx="1275573" cy="66578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6" name="Flowchart: Terminator 15">
            <a:extLst>
              <a:ext uri="{FF2B5EF4-FFF2-40B4-BE49-F238E27FC236}">
                <a16:creationId xmlns:a16="http://schemas.microsoft.com/office/drawing/2014/main" id="{2B38128B-7ADE-15FF-32F7-E7A1FEA24935}"/>
              </a:ext>
            </a:extLst>
          </p:cNvPr>
          <p:cNvSpPr/>
          <p:nvPr/>
        </p:nvSpPr>
        <p:spPr>
          <a:xfrm>
            <a:off x="10205426" y="4124460"/>
            <a:ext cx="1828800" cy="749300"/>
          </a:xfrm>
          <a:prstGeom prst="flowChartTerminator">
            <a:avLst/>
          </a:prstGeom>
          <a:solidFill>
            <a:schemeClr val="accent4">
              <a:lumMod val="20000"/>
              <a:lumOff val="80000"/>
            </a:schemeClr>
          </a:solidFill>
          <a:ln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2000" noProof="0">
                <a:solidFill>
                  <a:schemeClr val="accent4">
                    <a:lumMod val="50000"/>
                  </a:schemeClr>
                </a:solidFill>
              </a:rPr>
              <a:t>Formatted </a:t>
            </a:r>
          </a:p>
          <a:p>
            <a:pPr algn="ctr"/>
            <a:r>
              <a:rPr lang="en-GB" sz="2000" noProof="0">
                <a:solidFill>
                  <a:schemeClr val="accent4">
                    <a:lumMod val="50000"/>
                  </a:schemeClr>
                </a:solidFill>
              </a:rPr>
              <a:t>output</a:t>
            </a:r>
          </a:p>
        </p:txBody>
      </p:sp>
      <p:pic>
        <p:nvPicPr>
          <p:cNvPr id="4" name="Picture 6" descr="E:\fppt\template\arrows\arrow4.png">
            <a:extLst>
              <a:ext uri="{FF2B5EF4-FFF2-40B4-BE49-F238E27FC236}">
                <a16:creationId xmlns:a16="http://schemas.microsoft.com/office/drawing/2014/main" id="{D372859D-3286-08F7-4383-C4CD9BE31C6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schemeClr val="bg2">
                <a:shade val="45000"/>
                <a:satMod val="135000"/>
              </a:schemeClr>
              <a:prstClr val="white"/>
            </a:duotone>
            <a:alphaModFix amt="2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7010560">
            <a:off x="1136411" y="1374507"/>
            <a:ext cx="2615089" cy="11788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 descr="E:\fppt\template\arrows\arrow2.png">
            <a:extLst>
              <a:ext uri="{FF2B5EF4-FFF2-40B4-BE49-F238E27FC236}">
                <a16:creationId xmlns:a16="http://schemas.microsoft.com/office/drawing/2014/main" id="{7A71908C-A08D-9872-9344-54D23B13873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9460744">
            <a:off x="2144783" y="4753786"/>
            <a:ext cx="1602025" cy="6108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9" descr="E:\fppt\template\arrows\arrow7.png">
            <a:extLst>
              <a:ext uri="{FF2B5EF4-FFF2-40B4-BE49-F238E27FC236}">
                <a16:creationId xmlns:a16="http://schemas.microsoft.com/office/drawing/2014/main" id="{8A0FFD4B-C1D6-68A3-F702-0B2430B89AF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duotone>
              <a:schemeClr val="bg2">
                <a:shade val="45000"/>
                <a:satMod val="135000"/>
              </a:schemeClr>
              <a:prstClr val="white"/>
            </a:duotone>
            <a:alphaModFix amt="2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838762">
            <a:off x="1956230" y="2280089"/>
            <a:ext cx="789478" cy="8810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Picture 6" descr="E:\fppt\template\arrows\arrow4.png">
            <a:extLst>
              <a:ext uri="{FF2B5EF4-FFF2-40B4-BE49-F238E27FC236}">
                <a16:creationId xmlns:a16="http://schemas.microsoft.com/office/drawing/2014/main" id="{BDCF85EF-EFDB-3E70-A4BD-87D412F4208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schemeClr val="bg2">
                <a:shade val="45000"/>
                <a:satMod val="135000"/>
              </a:schemeClr>
              <a:prstClr val="white"/>
            </a:duotone>
            <a:alphaModFix amt="54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095277">
            <a:off x="4164603" y="2431216"/>
            <a:ext cx="1367395" cy="87861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7" name="Picture 7" descr="E:\fppt\template\arrows\arrow5.png">
            <a:extLst>
              <a:ext uri="{FF2B5EF4-FFF2-40B4-BE49-F238E27FC236}">
                <a16:creationId xmlns:a16="http://schemas.microsoft.com/office/drawing/2014/main" id="{117EE0D0-C4A8-FD66-1EBE-B7EC4428FEA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duotone>
              <a:schemeClr val="bg2">
                <a:shade val="45000"/>
                <a:satMod val="135000"/>
              </a:schemeClr>
              <a:prstClr val="white"/>
            </a:duotone>
            <a:alphaModFix amt="5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4552997">
            <a:off x="4335622" y="1993492"/>
            <a:ext cx="2230829" cy="6317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8" name="Picture 9" descr="E:\fppt\template\arrows\arrow7.png">
            <a:extLst>
              <a:ext uri="{FF2B5EF4-FFF2-40B4-BE49-F238E27FC236}">
                <a16:creationId xmlns:a16="http://schemas.microsoft.com/office/drawing/2014/main" id="{5B6EF9D5-03E5-DFEE-0A49-72B1C5F2CE7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duotone>
              <a:schemeClr val="accent4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249737">
            <a:off x="8959332" y="4057855"/>
            <a:ext cx="1068935" cy="119292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0" name="Picture 2">
            <a:extLst>
              <a:ext uri="{FF2B5EF4-FFF2-40B4-BE49-F238E27FC236}">
                <a16:creationId xmlns:a16="http://schemas.microsoft.com/office/drawing/2014/main" id="{96EE6198-E357-F7C9-A1F0-A46C45A0934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1536" y="554854"/>
            <a:ext cx="1036031" cy="96520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3" descr="E:\fppt\template\arrows\arrow1.png">
            <a:extLst>
              <a:ext uri="{FF2B5EF4-FFF2-40B4-BE49-F238E27FC236}">
                <a16:creationId xmlns:a16="http://schemas.microsoft.com/office/drawing/2014/main" id="{3F3CFA61-13EA-7AD5-5499-D96FB2F9541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duotone>
              <a:schemeClr val="accent3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3378006">
            <a:off x="15719" y="1993580"/>
            <a:ext cx="1427618" cy="7414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D61B79B8-7CAB-4E13-D245-B5C3BC7EB6C1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206390" y="3495884"/>
            <a:ext cx="1879644" cy="231686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E1F73B0B-14B2-3524-2648-8679666AC220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3240929" y="0"/>
            <a:ext cx="1571224" cy="1837944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707B3A70-D271-1EB8-66DC-5112712E501E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2713029" y="1582261"/>
            <a:ext cx="1627879" cy="1840210"/>
          </a:xfrm>
          <a:prstGeom prst="rect">
            <a:avLst/>
          </a:prstGeom>
        </p:spPr>
      </p:pic>
      <p:sp>
        <p:nvSpPr>
          <p:cNvPr id="2" name="Freeform 514">
            <a:extLst>
              <a:ext uri="{FF2B5EF4-FFF2-40B4-BE49-F238E27FC236}">
                <a16:creationId xmlns:a16="http://schemas.microsoft.com/office/drawing/2014/main" id="{FEA55031-7708-6DEC-FDFF-51DE95C43A4E}"/>
              </a:ext>
            </a:extLst>
          </p:cNvPr>
          <p:cNvSpPr>
            <a:spLocks noEditPoints="1"/>
          </p:cNvSpPr>
          <p:nvPr/>
        </p:nvSpPr>
        <p:spPr bwMode="auto">
          <a:xfrm>
            <a:off x="2993502" y="-165458"/>
            <a:ext cx="2429835" cy="2080968"/>
          </a:xfrm>
          <a:custGeom>
            <a:avLst/>
            <a:gdLst>
              <a:gd name="T0" fmla="*/ 124 w 458"/>
              <a:gd name="T1" fmla="*/ 13 h 288"/>
              <a:gd name="T2" fmla="*/ 343 w 458"/>
              <a:gd name="T3" fmla="*/ 240 h 288"/>
              <a:gd name="T4" fmla="*/ 292 w 458"/>
              <a:gd name="T5" fmla="*/ 271 h 288"/>
              <a:gd name="T6" fmla="*/ 291 w 458"/>
              <a:gd name="T7" fmla="*/ 260 h 288"/>
              <a:gd name="T8" fmla="*/ 141 w 458"/>
              <a:gd name="T9" fmla="*/ 12 h 288"/>
              <a:gd name="T10" fmla="*/ 85 w 458"/>
              <a:gd name="T11" fmla="*/ 70 h 288"/>
              <a:gd name="T12" fmla="*/ 6 w 458"/>
              <a:gd name="T13" fmla="*/ 224 h 288"/>
              <a:gd name="T14" fmla="*/ 71 w 458"/>
              <a:gd name="T15" fmla="*/ 273 h 288"/>
              <a:gd name="T16" fmla="*/ 191 w 458"/>
              <a:gd name="T17" fmla="*/ 286 h 288"/>
              <a:gd name="T18" fmla="*/ 292 w 458"/>
              <a:gd name="T19" fmla="*/ 271 h 288"/>
              <a:gd name="T20" fmla="*/ 415 w 458"/>
              <a:gd name="T21" fmla="*/ 222 h 288"/>
              <a:gd name="T22" fmla="*/ 450 w 458"/>
              <a:gd name="T23" fmla="*/ 120 h 288"/>
              <a:gd name="T24" fmla="*/ 307 w 458"/>
              <a:gd name="T25" fmla="*/ 12 h 288"/>
              <a:gd name="T26" fmla="*/ 145 w 458"/>
              <a:gd name="T27" fmla="*/ 7 h 288"/>
              <a:gd name="T28" fmla="*/ 141 w 458"/>
              <a:gd name="T29" fmla="*/ 11 h 288"/>
              <a:gd name="T30" fmla="*/ 134 w 458"/>
              <a:gd name="T31" fmla="*/ 13 h 288"/>
              <a:gd name="T32" fmla="*/ 223 w 458"/>
              <a:gd name="T33" fmla="*/ 2 h 288"/>
              <a:gd name="T34" fmla="*/ 349 w 458"/>
              <a:gd name="T35" fmla="*/ 36 h 288"/>
              <a:gd name="T36" fmla="*/ 424 w 458"/>
              <a:gd name="T37" fmla="*/ 98 h 288"/>
              <a:gd name="T38" fmla="*/ 430 w 458"/>
              <a:gd name="T39" fmla="*/ 104 h 288"/>
              <a:gd name="T40" fmla="*/ 436 w 458"/>
              <a:gd name="T41" fmla="*/ 174 h 288"/>
              <a:gd name="T42" fmla="*/ 394 w 458"/>
              <a:gd name="T43" fmla="*/ 220 h 288"/>
              <a:gd name="T44" fmla="*/ 306 w 458"/>
              <a:gd name="T45" fmla="*/ 254 h 288"/>
              <a:gd name="T46" fmla="*/ 257 w 458"/>
              <a:gd name="T47" fmla="*/ 260 h 288"/>
              <a:gd name="T48" fmla="*/ 192 w 458"/>
              <a:gd name="T49" fmla="*/ 266 h 288"/>
              <a:gd name="T50" fmla="*/ 94 w 458"/>
              <a:gd name="T51" fmla="*/ 259 h 288"/>
              <a:gd name="T52" fmla="*/ 17 w 458"/>
              <a:gd name="T53" fmla="*/ 215 h 288"/>
              <a:gd name="T54" fmla="*/ 46 w 458"/>
              <a:gd name="T55" fmla="*/ 132 h 288"/>
              <a:gd name="T56" fmla="*/ 111 w 458"/>
              <a:gd name="T57" fmla="*/ 77 h 288"/>
              <a:gd name="T58" fmla="*/ 203 w 458"/>
              <a:gd name="T59" fmla="*/ 34 h 288"/>
              <a:gd name="T60" fmla="*/ 294 w 458"/>
              <a:gd name="T61" fmla="*/ 22 h 288"/>
              <a:gd name="T62" fmla="*/ 382 w 458"/>
              <a:gd name="T63" fmla="*/ 18 h 288"/>
              <a:gd name="T64" fmla="*/ 345 w 458"/>
              <a:gd name="T65" fmla="*/ 5 h 288"/>
              <a:gd name="T66" fmla="*/ 219 w 458"/>
              <a:gd name="T67" fmla="*/ 14 h 288"/>
              <a:gd name="T68" fmla="*/ 134 w 458"/>
              <a:gd name="T69" fmla="*/ 42 h 288"/>
              <a:gd name="T70" fmla="*/ 345 w 458"/>
              <a:gd name="T71" fmla="*/ 25 h 288"/>
              <a:gd name="T72" fmla="*/ 61 w 458"/>
              <a:gd name="T73" fmla="*/ 253 h 288"/>
              <a:gd name="T74" fmla="*/ 107 w 458"/>
              <a:gd name="T75" fmla="*/ 277 h 288"/>
              <a:gd name="T76" fmla="*/ 338 w 458"/>
              <a:gd name="T77" fmla="*/ 257 h 288"/>
              <a:gd name="T78" fmla="*/ 415 w 458"/>
              <a:gd name="T79" fmla="*/ 215 h 288"/>
              <a:gd name="T80" fmla="*/ 373 w 458"/>
              <a:gd name="T81" fmla="*/ 243 h 288"/>
              <a:gd name="T82" fmla="*/ 398 w 458"/>
              <a:gd name="T83" fmla="*/ 232 h 288"/>
              <a:gd name="T84" fmla="*/ 249 w 458"/>
              <a:gd name="T85" fmla="*/ 6 h 288"/>
              <a:gd name="T86" fmla="*/ 402 w 458"/>
              <a:gd name="T87" fmla="*/ 65 h 288"/>
              <a:gd name="T88" fmla="*/ 437 w 458"/>
              <a:gd name="T89" fmla="*/ 188 h 288"/>
              <a:gd name="T90" fmla="*/ 424 w 458"/>
              <a:gd name="T91" fmla="*/ 202 h 288"/>
              <a:gd name="T92" fmla="*/ 259 w 458"/>
              <a:gd name="T93" fmla="*/ 266 h 288"/>
              <a:gd name="T94" fmla="*/ 162 w 458"/>
              <a:gd name="T95" fmla="*/ 45 h 288"/>
              <a:gd name="T96" fmla="*/ 224 w 458"/>
              <a:gd name="T97" fmla="*/ 29 h 288"/>
              <a:gd name="T98" fmla="*/ 284 w 458"/>
              <a:gd name="T99" fmla="*/ 20 h 288"/>
              <a:gd name="T100" fmla="*/ 253 w 458"/>
              <a:gd name="T101" fmla="*/ 20 h 288"/>
              <a:gd name="T102" fmla="*/ 82 w 458"/>
              <a:gd name="T103" fmla="*/ 93 h 288"/>
              <a:gd name="T104" fmla="*/ 153 w 458"/>
              <a:gd name="T105" fmla="*/ 274 h 288"/>
              <a:gd name="T106" fmla="*/ 46 w 458"/>
              <a:gd name="T107" fmla="*/ 119 h 288"/>
              <a:gd name="T108" fmla="*/ 19 w 458"/>
              <a:gd name="T109" fmla="*/ 155 h 288"/>
              <a:gd name="T110" fmla="*/ 56 w 458"/>
              <a:gd name="T111" fmla="*/ 97 h 288"/>
              <a:gd name="T112" fmla="*/ 192 w 458"/>
              <a:gd name="T113" fmla="*/ 266 h 288"/>
              <a:gd name="T114" fmla="*/ 147 w 458"/>
              <a:gd name="T115" fmla="*/ 12 h 288"/>
              <a:gd name="T116" fmla="*/ 268 w 458"/>
              <a:gd name="T117" fmla="*/ 12 h 288"/>
              <a:gd name="T118" fmla="*/ 445 w 458"/>
              <a:gd name="T119" fmla="*/ 137 h 288"/>
              <a:gd name="T120" fmla="*/ 420 w 458"/>
              <a:gd name="T121" fmla="*/ 196 h 288"/>
              <a:gd name="T122" fmla="*/ 26 w 458"/>
              <a:gd name="T123" fmla="*/ 228 h 28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</a:cxnLst>
            <a:rect l="0" t="0" r="r" b="b"/>
            <a:pathLst>
              <a:path w="458" h="288">
                <a:moveTo>
                  <a:pt x="125" y="15"/>
                </a:moveTo>
                <a:cubicBezTo>
                  <a:pt x="125" y="15"/>
                  <a:pt x="125" y="15"/>
                  <a:pt x="125" y="15"/>
                </a:cubicBezTo>
                <a:cubicBezTo>
                  <a:pt x="125" y="15"/>
                  <a:pt x="125" y="15"/>
                  <a:pt x="125" y="15"/>
                </a:cubicBezTo>
                <a:close/>
                <a:moveTo>
                  <a:pt x="122" y="17"/>
                </a:moveTo>
                <a:cubicBezTo>
                  <a:pt x="123" y="17"/>
                  <a:pt x="124" y="16"/>
                  <a:pt x="125" y="15"/>
                </a:cubicBezTo>
                <a:cubicBezTo>
                  <a:pt x="124" y="15"/>
                  <a:pt x="122" y="14"/>
                  <a:pt x="122" y="17"/>
                </a:cubicBezTo>
                <a:close/>
                <a:moveTo>
                  <a:pt x="124" y="11"/>
                </a:moveTo>
                <a:cubicBezTo>
                  <a:pt x="123" y="12"/>
                  <a:pt x="123" y="12"/>
                  <a:pt x="123" y="12"/>
                </a:cubicBezTo>
                <a:cubicBezTo>
                  <a:pt x="124" y="12"/>
                  <a:pt x="124" y="11"/>
                  <a:pt x="124" y="11"/>
                </a:cubicBezTo>
                <a:close/>
                <a:moveTo>
                  <a:pt x="124" y="13"/>
                </a:moveTo>
                <a:cubicBezTo>
                  <a:pt x="125" y="14"/>
                  <a:pt x="125" y="14"/>
                  <a:pt x="125" y="14"/>
                </a:cubicBezTo>
                <a:cubicBezTo>
                  <a:pt x="125" y="13"/>
                  <a:pt x="125" y="13"/>
                  <a:pt x="125" y="13"/>
                </a:cubicBezTo>
                <a:lnTo>
                  <a:pt x="124" y="13"/>
                </a:lnTo>
                <a:close/>
                <a:moveTo>
                  <a:pt x="321" y="247"/>
                </a:moveTo>
                <a:cubicBezTo>
                  <a:pt x="322" y="246"/>
                  <a:pt x="322" y="246"/>
                  <a:pt x="321" y="245"/>
                </a:cubicBezTo>
                <a:lnTo>
                  <a:pt x="321" y="247"/>
                </a:lnTo>
                <a:close/>
                <a:moveTo>
                  <a:pt x="296" y="258"/>
                </a:moveTo>
                <a:cubicBezTo>
                  <a:pt x="294" y="259"/>
                  <a:pt x="293" y="259"/>
                  <a:pt x="291" y="260"/>
                </a:cubicBezTo>
                <a:cubicBezTo>
                  <a:pt x="293" y="259"/>
                  <a:pt x="294" y="259"/>
                  <a:pt x="296" y="258"/>
                </a:cubicBezTo>
                <a:close/>
                <a:moveTo>
                  <a:pt x="343" y="240"/>
                </a:moveTo>
                <a:cubicBezTo>
                  <a:pt x="339" y="241"/>
                  <a:pt x="339" y="241"/>
                  <a:pt x="339" y="241"/>
                </a:cubicBezTo>
                <a:cubicBezTo>
                  <a:pt x="340" y="241"/>
                  <a:pt x="342" y="240"/>
                  <a:pt x="343" y="240"/>
                </a:cubicBezTo>
                <a:close/>
                <a:moveTo>
                  <a:pt x="362" y="45"/>
                </a:moveTo>
                <a:cubicBezTo>
                  <a:pt x="358" y="43"/>
                  <a:pt x="354" y="42"/>
                  <a:pt x="351" y="41"/>
                </a:cubicBezTo>
                <a:cubicBezTo>
                  <a:pt x="358" y="45"/>
                  <a:pt x="360" y="44"/>
                  <a:pt x="362" y="45"/>
                </a:cubicBezTo>
                <a:close/>
                <a:moveTo>
                  <a:pt x="176" y="284"/>
                </a:moveTo>
                <a:cubicBezTo>
                  <a:pt x="175" y="284"/>
                  <a:pt x="175" y="284"/>
                  <a:pt x="175" y="284"/>
                </a:cubicBezTo>
                <a:cubicBezTo>
                  <a:pt x="173" y="284"/>
                  <a:pt x="173" y="284"/>
                  <a:pt x="176" y="284"/>
                </a:cubicBezTo>
                <a:close/>
                <a:moveTo>
                  <a:pt x="293" y="272"/>
                </a:moveTo>
                <a:cubicBezTo>
                  <a:pt x="293" y="272"/>
                  <a:pt x="293" y="271"/>
                  <a:pt x="292" y="271"/>
                </a:cubicBezTo>
                <a:cubicBezTo>
                  <a:pt x="291" y="272"/>
                  <a:pt x="291" y="272"/>
                  <a:pt x="291" y="272"/>
                </a:cubicBezTo>
                <a:lnTo>
                  <a:pt x="293" y="272"/>
                </a:lnTo>
                <a:close/>
                <a:moveTo>
                  <a:pt x="361" y="235"/>
                </a:moveTo>
                <a:cubicBezTo>
                  <a:pt x="361" y="235"/>
                  <a:pt x="361" y="234"/>
                  <a:pt x="361" y="234"/>
                </a:cubicBezTo>
                <a:cubicBezTo>
                  <a:pt x="365" y="233"/>
                  <a:pt x="365" y="233"/>
                  <a:pt x="365" y="233"/>
                </a:cubicBezTo>
                <a:cubicBezTo>
                  <a:pt x="363" y="233"/>
                  <a:pt x="362" y="234"/>
                  <a:pt x="361" y="235"/>
                </a:cubicBezTo>
                <a:close/>
                <a:moveTo>
                  <a:pt x="138" y="283"/>
                </a:moveTo>
                <a:cubicBezTo>
                  <a:pt x="136" y="284"/>
                  <a:pt x="135" y="284"/>
                  <a:pt x="133" y="285"/>
                </a:cubicBezTo>
                <a:cubicBezTo>
                  <a:pt x="137" y="285"/>
                  <a:pt x="139" y="284"/>
                  <a:pt x="138" y="283"/>
                </a:cubicBezTo>
                <a:close/>
                <a:moveTo>
                  <a:pt x="291" y="260"/>
                </a:moveTo>
                <a:cubicBezTo>
                  <a:pt x="291" y="260"/>
                  <a:pt x="291" y="260"/>
                  <a:pt x="291" y="260"/>
                </a:cubicBezTo>
                <a:cubicBezTo>
                  <a:pt x="291" y="260"/>
                  <a:pt x="291" y="260"/>
                  <a:pt x="291" y="260"/>
                </a:cubicBezTo>
                <a:close/>
                <a:moveTo>
                  <a:pt x="331" y="261"/>
                </a:moveTo>
                <a:cubicBezTo>
                  <a:pt x="325" y="263"/>
                  <a:pt x="325" y="263"/>
                  <a:pt x="325" y="263"/>
                </a:cubicBezTo>
                <a:cubicBezTo>
                  <a:pt x="327" y="262"/>
                  <a:pt x="330" y="262"/>
                  <a:pt x="331" y="261"/>
                </a:cubicBezTo>
                <a:close/>
                <a:moveTo>
                  <a:pt x="362" y="45"/>
                </a:moveTo>
                <a:cubicBezTo>
                  <a:pt x="366" y="46"/>
                  <a:pt x="366" y="46"/>
                  <a:pt x="366" y="46"/>
                </a:cubicBezTo>
                <a:cubicBezTo>
                  <a:pt x="364" y="45"/>
                  <a:pt x="363" y="45"/>
                  <a:pt x="362" y="45"/>
                </a:cubicBezTo>
                <a:close/>
                <a:moveTo>
                  <a:pt x="136" y="14"/>
                </a:moveTo>
                <a:cubicBezTo>
                  <a:pt x="140" y="14"/>
                  <a:pt x="141" y="13"/>
                  <a:pt x="141" y="12"/>
                </a:cubicBezTo>
                <a:cubicBezTo>
                  <a:pt x="139" y="13"/>
                  <a:pt x="138" y="14"/>
                  <a:pt x="136" y="14"/>
                </a:cubicBezTo>
                <a:close/>
                <a:moveTo>
                  <a:pt x="373" y="14"/>
                </a:moveTo>
                <a:cubicBezTo>
                  <a:pt x="375" y="14"/>
                  <a:pt x="375" y="14"/>
                  <a:pt x="375" y="14"/>
                </a:cubicBezTo>
                <a:cubicBezTo>
                  <a:pt x="374" y="14"/>
                  <a:pt x="374" y="14"/>
                  <a:pt x="373" y="14"/>
                </a:cubicBezTo>
                <a:close/>
                <a:moveTo>
                  <a:pt x="234" y="28"/>
                </a:moveTo>
                <a:cubicBezTo>
                  <a:pt x="233" y="29"/>
                  <a:pt x="232" y="29"/>
                  <a:pt x="232" y="29"/>
                </a:cubicBezTo>
                <a:cubicBezTo>
                  <a:pt x="233" y="29"/>
                  <a:pt x="234" y="29"/>
                  <a:pt x="234" y="28"/>
                </a:cubicBezTo>
                <a:close/>
                <a:moveTo>
                  <a:pt x="109" y="53"/>
                </a:moveTo>
                <a:cubicBezTo>
                  <a:pt x="103" y="58"/>
                  <a:pt x="96" y="64"/>
                  <a:pt x="90" y="69"/>
                </a:cubicBezTo>
                <a:cubicBezTo>
                  <a:pt x="88" y="69"/>
                  <a:pt x="79" y="75"/>
                  <a:pt x="85" y="70"/>
                </a:cubicBezTo>
                <a:cubicBezTo>
                  <a:pt x="83" y="72"/>
                  <a:pt x="80" y="75"/>
                  <a:pt x="78" y="77"/>
                </a:cubicBezTo>
                <a:cubicBezTo>
                  <a:pt x="78" y="76"/>
                  <a:pt x="78" y="76"/>
                  <a:pt x="78" y="76"/>
                </a:cubicBezTo>
                <a:cubicBezTo>
                  <a:pt x="62" y="87"/>
                  <a:pt x="49" y="101"/>
                  <a:pt x="38" y="116"/>
                </a:cubicBezTo>
                <a:cubicBezTo>
                  <a:pt x="27" y="131"/>
                  <a:pt x="17" y="147"/>
                  <a:pt x="7" y="166"/>
                </a:cubicBezTo>
                <a:cubicBezTo>
                  <a:pt x="7" y="165"/>
                  <a:pt x="7" y="165"/>
                  <a:pt x="7" y="165"/>
                </a:cubicBezTo>
                <a:cubicBezTo>
                  <a:pt x="5" y="173"/>
                  <a:pt x="3" y="182"/>
                  <a:pt x="3" y="190"/>
                </a:cubicBezTo>
                <a:cubicBezTo>
                  <a:pt x="3" y="195"/>
                  <a:pt x="0" y="196"/>
                  <a:pt x="0" y="204"/>
                </a:cubicBezTo>
                <a:cubicBezTo>
                  <a:pt x="1" y="202"/>
                  <a:pt x="1" y="206"/>
                  <a:pt x="2" y="211"/>
                </a:cubicBezTo>
                <a:cubicBezTo>
                  <a:pt x="2" y="213"/>
                  <a:pt x="3" y="216"/>
                  <a:pt x="3" y="218"/>
                </a:cubicBezTo>
                <a:cubicBezTo>
                  <a:pt x="4" y="220"/>
                  <a:pt x="5" y="223"/>
                  <a:pt x="6" y="224"/>
                </a:cubicBezTo>
                <a:cubicBezTo>
                  <a:pt x="7" y="230"/>
                  <a:pt x="4" y="224"/>
                  <a:pt x="3" y="222"/>
                </a:cubicBezTo>
                <a:cubicBezTo>
                  <a:pt x="5" y="229"/>
                  <a:pt x="8" y="235"/>
                  <a:pt x="12" y="240"/>
                </a:cubicBezTo>
                <a:cubicBezTo>
                  <a:pt x="16" y="246"/>
                  <a:pt x="20" y="250"/>
                  <a:pt x="25" y="253"/>
                </a:cubicBezTo>
                <a:cubicBezTo>
                  <a:pt x="34" y="260"/>
                  <a:pt x="45" y="265"/>
                  <a:pt x="57" y="270"/>
                </a:cubicBezTo>
                <a:cubicBezTo>
                  <a:pt x="45" y="264"/>
                  <a:pt x="40" y="260"/>
                  <a:pt x="35" y="257"/>
                </a:cubicBezTo>
                <a:cubicBezTo>
                  <a:pt x="31" y="254"/>
                  <a:pt x="27" y="252"/>
                  <a:pt x="20" y="244"/>
                </a:cubicBezTo>
                <a:cubicBezTo>
                  <a:pt x="29" y="252"/>
                  <a:pt x="34" y="255"/>
                  <a:pt x="39" y="258"/>
                </a:cubicBezTo>
                <a:cubicBezTo>
                  <a:pt x="45" y="262"/>
                  <a:pt x="50" y="265"/>
                  <a:pt x="60" y="268"/>
                </a:cubicBezTo>
                <a:cubicBezTo>
                  <a:pt x="57" y="267"/>
                  <a:pt x="54" y="267"/>
                  <a:pt x="51" y="265"/>
                </a:cubicBezTo>
                <a:cubicBezTo>
                  <a:pt x="55" y="269"/>
                  <a:pt x="63" y="272"/>
                  <a:pt x="71" y="273"/>
                </a:cubicBezTo>
                <a:cubicBezTo>
                  <a:pt x="78" y="275"/>
                  <a:pt x="84" y="276"/>
                  <a:pt x="85" y="278"/>
                </a:cubicBezTo>
                <a:cubicBezTo>
                  <a:pt x="98" y="280"/>
                  <a:pt x="109" y="278"/>
                  <a:pt x="124" y="280"/>
                </a:cubicBezTo>
                <a:cubicBezTo>
                  <a:pt x="117" y="283"/>
                  <a:pt x="117" y="283"/>
                  <a:pt x="117" y="283"/>
                </a:cubicBezTo>
                <a:cubicBezTo>
                  <a:pt x="121" y="283"/>
                  <a:pt x="126" y="284"/>
                  <a:pt x="130" y="284"/>
                </a:cubicBezTo>
                <a:cubicBezTo>
                  <a:pt x="131" y="282"/>
                  <a:pt x="131" y="282"/>
                  <a:pt x="131" y="282"/>
                </a:cubicBezTo>
                <a:cubicBezTo>
                  <a:pt x="135" y="282"/>
                  <a:pt x="137" y="283"/>
                  <a:pt x="138" y="283"/>
                </a:cubicBezTo>
                <a:cubicBezTo>
                  <a:pt x="147" y="282"/>
                  <a:pt x="160" y="284"/>
                  <a:pt x="173" y="283"/>
                </a:cubicBezTo>
                <a:cubicBezTo>
                  <a:pt x="175" y="284"/>
                  <a:pt x="175" y="284"/>
                  <a:pt x="175" y="284"/>
                </a:cubicBezTo>
                <a:cubicBezTo>
                  <a:pt x="176" y="283"/>
                  <a:pt x="177" y="283"/>
                  <a:pt x="177" y="283"/>
                </a:cubicBezTo>
                <a:cubicBezTo>
                  <a:pt x="180" y="285"/>
                  <a:pt x="190" y="284"/>
                  <a:pt x="191" y="286"/>
                </a:cubicBezTo>
                <a:cubicBezTo>
                  <a:pt x="187" y="286"/>
                  <a:pt x="177" y="287"/>
                  <a:pt x="178" y="286"/>
                </a:cubicBezTo>
                <a:cubicBezTo>
                  <a:pt x="167" y="288"/>
                  <a:pt x="191" y="287"/>
                  <a:pt x="198" y="287"/>
                </a:cubicBezTo>
                <a:cubicBezTo>
                  <a:pt x="190" y="286"/>
                  <a:pt x="200" y="286"/>
                  <a:pt x="204" y="285"/>
                </a:cubicBezTo>
                <a:cubicBezTo>
                  <a:pt x="205" y="286"/>
                  <a:pt x="203" y="286"/>
                  <a:pt x="203" y="286"/>
                </a:cubicBezTo>
                <a:cubicBezTo>
                  <a:pt x="216" y="287"/>
                  <a:pt x="220" y="281"/>
                  <a:pt x="229" y="284"/>
                </a:cubicBezTo>
                <a:cubicBezTo>
                  <a:pt x="231" y="282"/>
                  <a:pt x="231" y="282"/>
                  <a:pt x="231" y="282"/>
                </a:cubicBezTo>
                <a:cubicBezTo>
                  <a:pt x="234" y="283"/>
                  <a:pt x="238" y="283"/>
                  <a:pt x="241" y="283"/>
                </a:cubicBezTo>
                <a:cubicBezTo>
                  <a:pt x="242" y="279"/>
                  <a:pt x="255" y="281"/>
                  <a:pt x="257" y="277"/>
                </a:cubicBezTo>
                <a:cubicBezTo>
                  <a:pt x="268" y="275"/>
                  <a:pt x="255" y="279"/>
                  <a:pt x="259" y="278"/>
                </a:cubicBezTo>
                <a:cubicBezTo>
                  <a:pt x="270" y="278"/>
                  <a:pt x="288" y="270"/>
                  <a:pt x="292" y="271"/>
                </a:cubicBezTo>
                <a:cubicBezTo>
                  <a:pt x="301" y="268"/>
                  <a:pt x="311" y="266"/>
                  <a:pt x="319" y="263"/>
                </a:cubicBezTo>
                <a:cubicBezTo>
                  <a:pt x="320" y="265"/>
                  <a:pt x="320" y="265"/>
                  <a:pt x="320" y="265"/>
                </a:cubicBezTo>
                <a:cubicBezTo>
                  <a:pt x="324" y="263"/>
                  <a:pt x="328" y="261"/>
                  <a:pt x="332" y="260"/>
                </a:cubicBezTo>
                <a:cubicBezTo>
                  <a:pt x="332" y="260"/>
                  <a:pt x="331" y="260"/>
                  <a:pt x="331" y="261"/>
                </a:cubicBezTo>
                <a:cubicBezTo>
                  <a:pt x="351" y="253"/>
                  <a:pt x="351" y="253"/>
                  <a:pt x="351" y="253"/>
                </a:cubicBezTo>
                <a:cubicBezTo>
                  <a:pt x="357" y="250"/>
                  <a:pt x="363" y="248"/>
                  <a:pt x="369" y="246"/>
                </a:cubicBezTo>
                <a:cubicBezTo>
                  <a:pt x="368" y="247"/>
                  <a:pt x="369" y="248"/>
                  <a:pt x="362" y="251"/>
                </a:cubicBezTo>
                <a:cubicBezTo>
                  <a:pt x="373" y="248"/>
                  <a:pt x="392" y="238"/>
                  <a:pt x="408" y="228"/>
                </a:cubicBezTo>
                <a:cubicBezTo>
                  <a:pt x="407" y="229"/>
                  <a:pt x="407" y="229"/>
                  <a:pt x="407" y="229"/>
                </a:cubicBezTo>
                <a:cubicBezTo>
                  <a:pt x="410" y="227"/>
                  <a:pt x="413" y="225"/>
                  <a:pt x="415" y="222"/>
                </a:cubicBezTo>
                <a:cubicBezTo>
                  <a:pt x="414" y="224"/>
                  <a:pt x="415" y="223"/>
                  <a:pt x="416" y="224"/>
                </a:cubicBezTo>
                <a:cubicBezTo>
                  <a:pt x="423" y="219"/>
                  <a:pt x="431" y="211"/>
                  <a:pt x="437" y="204"/>
                </a:cubicBezTo>
                <a:cubicBezTo>
                  <a:pt x="443" y="196"/>
                  <a:pt x="446" y="189"/>
                  <a:pt x="447" y="183"/>
                </a:cubicBezTo>
                <a:cubicBezTo>
                  <a:pt x="445" y="188"/>
                  <a:pt x="453" y="176"/>
                  <a:pt x="449" y="187"/>
                </a:cubicBezTo>
                <a:cubicBezTo>
                  <a:pt x="453" y="178"/>
                  <a:pt x="456" y="167"/>
                  <a:pt x="457" y="155"/>
                </a:cubicBezTo>
                <a:cubicBezTo>
                  <a:pt x="458" y="144"/>
                  <a:pt x="456" y="132"/>
                  <a:pt x="452" y="122"/>
                </a:cubicBezTo>
                <a:cubicBezTo>
                  <a:pt x="452" y="123"/>
                  <a:pt x="452" y="123"/>
                  <a:pt x="452" y="123"/>
                </a:cubicBezTo>
                <a:cubicBezTo>
                  <a:pt x="450" y="120"/>
                  <a:pt x="449" y="117"/>
                  <a:pt x="447" y="115"/>
                </a:cubicBezTo>
                <a:cubicBezTo>
                  <a:pt x="447" y="114"/>
                  <a:pt x="447" y="114"/>
                  <a:pt x="447" y="114"/>
                </a:cubicBezTo>
                <a:cubicBezTo>
                  <a:pt x="448" y="116"/>
                  <a:pt x="449" y="118"/>
                  <a:pt x="450" y="120"/>
                </a:cubicBezTo>
                <a:cubicBezTo>
                  <a:pt x="447" y="112"/>
                  <a:pt x="443" y="105"/>
                  <a:pt x="438" y="100"/>
                </a:cubicBezTo>
                <a:cubicBezTo>
                  <a:pt x="438" y="99"/>
                  <a:pt x="438" y="96"/>
                  <a:pt x="436" y="92"/>
                </a:cubicBezTo>
                <a:cubicBezTo>
                  <a:pt x="435" y="93"/>
                  <a:pt x="432" y="88"/>
                  <a:pt x="427" y="82"/>
                </a:cubicBezTo>
                <a:cubicBezTo>
                  <a:pt x="423" y="76"/>
                  <a:pt x="417" y="70"/>
                  <a:pt x="413" y="67"/>
                </a:cubicBezTo>
                <a:cubicBezTo>
                  <a:pt x="412" y="66"/>
                  <a:pt x="416" y="70"/>
                  <a:pt x="414" y="67"/>
                </a:cubicBezTo>
                <a:cubicBezTo>
                  <a:pt x="405" y="59"/>
                  <a:pt x="392" y="49"/>
                  <a:pt x="378" y="41"/>
                </a:cubicBezTo>
                <a:cubicBezTo>
                  <a:pt x="364" y="33"/>
                  <a:pt x="349" y="26"/>
                  <a:pt x="336" y="20"/>
                </a:cubicBezTo>
                <a:cubicBezTo>
                  <a:pt x="334" y="21"/>
                  <a:pt x="327" y="19"/>
                  <a:pt x="319" y="17"/>
                </a:cubicBezTo>
                <a:cubicBezTo>
                  <a:pt x="311" y="15"/>
                  <a:pt x="301" y="13"/>
                  <a:pt x="293" y="12"/>
                </a:cubicBezTo>
                <a:cubicBezTo>
                  <a:pt x="290" y="9"/>
                  <a:pt x="302" y="13"/>
                  <a:pt x="307" y="12"/>
                </a:cubicBezTo>
                <a:cubicBezTo>
                  <a:pt x="298" y="11"/>
                  <a:pt x="306" y="9"/>
                  <a:pt x="290" y="7"/>
                </a:cubicBezTo>
                <a:cubicBezTo>
                  <a:pt x="291" y="7"/>
                  <a:pt x="290" y="6"/>
                  <a:pt x="293" y="7"/>
                </a:cubicBezTo>
                <a:cubicBezTo>
                  <a:pt x="285" y="5"/>
                  <a:pt x="295" y="10"/>
                  <a:pt x="281" y="7"/>
                </a:cubicBezTo>
                <a:cubicBezTo>
                  <a:pt x="281" y="5"/>
                  <a:pt x="281" y="5"/>
                  <a:pt x="281" y="5"/>
                </a:cubicBezTo>
                <a:cubicBezTo>
                  <a:pt x="273" y="6"/>
                  <a:pt x="273" y="6"/>
                  <a:pt x="273" y="6"/>
                </a:cubicBezTo>
                <a:cubicBezTo>
                  <a:pt x="245" y="1"/>
                  <a:pt x="221" y="1"/>
                  <a:pt x="197" y="0"/>
                </a:cubicBezTo>
                <a:cubicBezTo>
                  <a:pt x="195" y="0"/>
                  <a:pt x="196" y="1"/>
                  <a:pt x="199" y="2"/>
                </a:cubicBezTo>
                <a:cubicBezTo>
                  <a:pt x="188" y="2"/>
                  <a:pt x="175" y="5"/>
                  <a:pt x="163" y="5"/>
                </a:cubicBezTo>
                <a:cubicBezTo>
                  <a:pt x="166" y="4"/>
                  <a:pt x="166" y="4"/>
                  <a:pt x="166" y="4"/>
                </a:cubicBezTo>
                <a:cubicBezTo>
                  <a:pt x="156" y="5"/>
                  <a:pt x="151" y="6"/>
                  <a:pt x="145" y="7"/>
                </a:cubicBezTo>
                <a:cubicBezTo>
                  <a:pt x="136" y="10"/>
                  <a:pt x="136" y="10"/>
                  <a:pt x="136" y="10"/>
                </a:cubicBezTo>
                <a:cubicBezTo>
                  <a:pt x="130" y="12"/>
                  <a:pt x="130" y="12"/>
                  <a:pt x="130" y="12"/>
                </a:cubicBezTo>
                <a:cubicBezTo>
                  <a:pt x="127" y="13"/>
                  <a:pt x="127" y="13"/>
                  <a:pt x="127" y="13"/>
                </a:cubicBezTo>
                <a:cubicBezTo>
                  <a:pt x="127" y="13"/>
                  <a:pt x="127" y="13"/>
                  <a:pt x="126" y="13"/>
                </a:cubicBezTo>
                <a:cubicBezTo>
                  <a:pt x="127" y="13"/>
                  <a:pt x="127" y="13"/>
                  <a:pt x="127" y="13"/>
                </a:cubicBezTo>
                <a:cubicBezTo>
                  <a:pt x="127" y="13"/>
                  <a:pt x="127" y="13"/>
                  <a:pt x="127" y="13"/>
                </a:cubicBezTo>
                <a:cubicBezTo>
                  <a:pt x="127" y="13"/>
                  <a:pt x="127" y="13"/>
                  <a:pt x="127" y="13"/>
                </a:cubicBezTo>
                <a:cubicBezTo>
                  <a:pt x="128" y="13"/>
                  <a:pt x="128" y="13"/>
                  <a:pt x="128" y="13"/>
                </a:cubicBezTo>
                <a:cubicBezTo>
                  <a:pt x="130" y="12"/>
                  <a:pt x="132" y="12"/>
                  <a:pt x="133" y="11"/>
                </a:cubicBezTo>
                <a:cubicBezTo>
                  <a:pt x="137" y="10"/>
                  <a:pt x="141" y="10"/>
                  <a:pt x="141" y="11"/>
                </a:cubicBezTo>
                <a:cubicBezTo>
                  <a:pt x="140" y="12"/>
                  <a:pt x="137" y="13"/>
                  <a:pt x="133" y="13"/>
                </a:cubicBezTo>
                <a:cubicBezTo>
                  <a:pt x="131" y="14"/>
                  <a:pt x="130" y="14"/>
                  <a:pt x="128" y="14"/>
                </a:cubicBezTo>
                <a:cubicBezTo>
                  <a:pt x="127" y="14"/>
                  <a:pt x="127" y="14"/>
                  <a:pt x="127" y="14"/>
                </a:cubicBezTo>
                <a:cubicBezTo>
                  <a:pt x="127" y="14"/>
                  <a:pt x="127" y="14"/>
                  <a:pt x="127" y="14"/>
                </a:cubicBezTo>
                <a:cubicBezTo>
                  <a:pt x="127" y="14"/>
                  <a:pt x="127" y="14"/>
                  <a:pt x="127" y="14"/>
                </a:cubicBezTo>
                <a:cubicBezTo>
                  <a:pt x="127" y="14"/>
                  <a:pt x="127" y="14"/>
                  <a:pt x="127" y="14"/>
                </a:cubicBezTo>
                <a:cubicBezTo>
                  <a:pt x="127" y="16"/>
                  <a:pt x="127" y="16"/>
                  <a:pt x="127" y="16"/>
                </a:cubicBezTo>
                <a:cubicBezTo>
                  <a:pt x="127" y="16"/>
                  <a:pt x="127" y="16"/>
                  <a:pt x="127" y="15"/>
                </a:cubicBezTo>
                <a:cubicBezTo>
                  <a:pt x="128" y="15"/>
                  <a:pt x="128" y="15"/>
                  <a:pt x="129" y="15"/>
                </a:cubicBezTo>
                <a:cubicBezTo>
                  <a:pt x="130" y="14"/>
                  <a:pt x="132" y="14"/>
                  <a:pt x="134" y="13"/>
                </a:cubicBezTo>
                <a:cubicBezTo>
                  <a:pt x="144" y="11"/>
                  <a:pt x="144" y="11"/>
                  <a:pt x="144" y="11"/>
                </a:cubicBezTo>
                <a:cubicBezTo>
                  <a:pt x="142" y="11"/>
                  <a:pt x="142" y="12"/>
                  <a:pt x="141" y="12"/>
                </a:cubicBezTo>
                <a:cubicBezTo>
                  <a:pt x="147" y="11"/>
                  <a:pt x="155" y="10"/>
                  <a:pt x="163" y="8"/>
                </a:cubicBezTo>
                <a:cubicBezTo>
                  <a:pt x="159" y="8"/>
                  <a:pt x="155" y="9"/>
                  <a:pt x="151" y="9"/>
                </a:cubicBezTo>
                <a:cubicBezTo>
                  <a:pt x="156" y="7"/>
                  <a:pt x="171" y="7"/>
                  <a:pt x="176" y="6"/>
                </a:cubicBezTo>
                <a:cubicBezTo>
                  <a:pt x="176" y="8"/>
                  <a:pt x="169" y="8"/>
                  <a:pt x="176" y="9"/>
                </a:cubicBezTo>
                <a:cubicBezTo>
                  <a:pt x="186" y="9"/>
                  <a:pt x="189" y="8"/>
                  <a:pt x="192" y="7"/>
                </a:cubicBezTo>
                <a:cubicBezTo>
                  <a:pt x="194" y="6"/>
                  <a:pt x="197" y="5"/>
                  <a:pt x="207" y="4"/>
                </a:cubicBezTo>
                <a:cubicBezTo>
                  <a:pt x="203" y="3"/>
                  <a:pt x="203" y="3"/>
                  <a:pt x="203" y="3"/>
                </a:cubicBezTo>
                <a:cubicBezTo>
                  <a:pt x="209" y="3"/>
                  <a:pt x="214" y="1"/>
                  <a:pt x="223" y="2"/>
                </a:cubicBezTo>
                <a:cubicBezTo>
                  <a:pt x="223" y="4"/>
                  <a:pt x="216" y="4"/>
                  <a:pt x="213" y="4"/>
                </a:cubicBezTo>
                <a:cubicBezTo>
                  <a:pt x="214" y="5"/>
                  <a:pt x="224" y="2"/>
                  <a:pt x="230" y="4"/>
                </a:cubicBezTo>
                <a:cubicBezTo>
                  <a:pt x="225" y="5"/>
                  <a:pt x="210" y="6"/>
                  <a:pt x="200" y="6"/>
                </a:cubicBezTo>
                <a:cubicBezTo>
                  <a:pt x="201" y="7"/>
                  <a:pt x="201" y="7"/>
                  <a:pt x="200" y="8"/>
                </a:cubicBezTo>
                <a:cubicBezTo>
                  <a:pt x="229" y="6"/>
                  <a:pt x="262" y="6"/>
                  <a:pt x="291" y="13"/>
                </a:cubicBezTo>
                <a:cubicBezTo>
                  <a:pt x="275" y="13"/>
                  <a:pt x="297" y="15"/>
                  <a:pt x="293" y="17"/>
                </a:cubicBezTo>
                <a:cubicBezTo>
                  <a:pt x="296" y="15"/>
                  <a:pt x="304" y="19"/>
                  <a:pt x="312" y="21"/>
                </a:cubicBezTo>
                <a:cubicBezTo>
                  <a:pt x="315" y="24"/>
                  <a:pt x="296" y="18"/>
                  <a:pt x="302" y="21"/>
                </a:cubicBezTo>
                <a:cubicBezTo>
                  <a:pt x="317" y="24"/>
                  <a:pt x="338" y="28"/>
                  <a:pt x="356" y="38"/>
                </a:cubicBezTo>
                <a:cubicBezTo>
                  <a:pt x="355" y="38"/>
                  <a:pt x="350" y="36"/>
                  <a:pt x="349" y="36"/>
                </a:cubicBezTo>
                <a:cubicBezTo>
                  <a:pt x="356" y="38"/>
                  <a:pt x="363" y="41"/>
                  <a:pt x="370" y="44"/>
                </a:cubicBezTo>
                <a:cubicBezTo>
                  <a:pt x="376" y="47"/>
                  <a:pt x="382" y="50"/>
                  <a:pt x="385" y="54"/>
                </a:cubicBezTo>
                <a:cubicBezTo>
                  <a:pt x="379" y="51"/>
                  <a:pt x="372" y="48"/>
                  <a:pt x="366" y="46"/>
                </a:cubicBezTo>
                <a:cubicBezTo>
                  <a:pt x="367" y="47"/>
                  <a:pt x="369" y="48"/>
                  <a:pt x="372" y="50"/>
                </a:cubicBezTo>
                <a:cubicBezTo>
                  <a:pt x="370" y="50"/>
                  <a:pt x="368" y="50"/>
                  <a:pt x="367" y="49"/>
                </a:cubicBezTo>
                <a:cubicBezTo>
                  <a:pt x="380" y="58"/>
                  <a:pt x="379" y="53"/>
                  <a:pt x="387" y="57"/>
                </a:cubicBezTo>
                <a:cubicBezTo>
                  <a:pt x="389" y="59"/>
                  <a:pt x="392" y="62"/>
                  <a:pt x="394" y="64"/>
                </a:cubicBezTo>
                <a:cubicBezTo>
                  <a:pt x="407" y="76"/>
                  <a:pt x="419" y="88"/>
                  <a:pt x="428" y="95"/>
                </a:cubicBezTo>
                <a:cubicBezTo>
                  <a:pt x="431" y="98"/>
                  <a:pt x="438" y="109"/>
                  <a:pt x="433" y="106"/>
                </a:cubicBezTo>
                <a:cubicBezTo>
                  <a:pt x="430" y="103"/>
                  <a:pt x="427" y="101"/>
                  <a:pt x="424" y="98"/>
                </a:cubicBezTo>
                <a:cubicBezTo>
                  <a:pt x="421" y="95"/>
                  <a:pt x="417" y="91"/>
                  <a:pt x="411" y="84"/>
                </a:cubicBezTo>
                <a:cubicBezTo>
                  <a:pt x="410" y="81"/>
                  <a:pt x="421" y="93"/>
                  <a:pt x="418" y="89"/>
                </a:cubicBezTo>
                <a:cubicBezTo>
                  <a:pt x="413" y="84"/>
                  <a:pt x="404" y="73"/>
                  <a:pt x="398" y="71"/>
                </a:cubicBezTo>
                <a:cubicBezTo>
                  <a:pt x="403" y="75"/>
                  <a:pt x="408" y="79"/>
                  <a:pt x="412" y="84"/>
                </a:cubicBezTo>
                <a:cubicBezTo>
                  <a:pt x="410" y="85"/>
                  <a:pt x="407" y="78"/>
                  <a:pt x="403" y="77"/>
                </a:cubicBezTo>
                <a:cubicBezTo>
                  <a:pt x="406" y="82"/>
                  <a:pt x="415" y="88"/>
                  <a:pt x="419" y="95"/>
                </a:cubicBezTo>
                <a:cubicBezTo>
                  <a:pt x="418" y="94"/>
                  <a:pt x="418" y="94"/>
                  <a:pt x="418" y="94"/>
                </a:cubicBezTo>
                <a:cubicBezTo>
                  <a:pt x="423" y="99"/>
                  <a:pt x="425" y="102"/>
                  <a:pt x="427" y="104"/>
                </a:cubicBezTo>
                <a:cubicBezTo>
                  <a:pt x="428" y="107"/>
                  <a:pt x="430" y="110"/>
                  <a:pt x="434" y="116"/>
                </a:cubicBezTo>
                <a:cubicBezTo>
                  <a:pt x="437" y="115"/>
                  <a:pt x="434" y="110"/>
                  <a:pt x="430" y="104"/>
                </a:cubicBezTo>
                <a:cubicBezTo>
                  <a:pt x="437" y="114"/>
                  <a:pt x="445" y="127"/>
                  <a:pt x="448" y="141"/>
                </a:cubicBezTo>
                <a:cubicBezTo>
                  <a:pt x="449" y="148"/>
                  <a:pt x="449" y="156"/>
                  <a:pt x="447" y="163"/>
                </a:cubicBezTo>
                <a:cubicBezTo>
                  <a:pt x="445" y="169"/>
                  <a:pt x="442" y="176"/>
                  <a:pt x="439" y="180"/>
                </a:cubicBezTo>
                <a:cubicBezTo>
                  <a:pt x="440" y="176"/>
                  <a:pt x="441" y="171"/>
                  <a:pt x="442" y="166"/>
                </a:cubicBezTo>
                <a:cubicBezTo>
                  <a:pt x="441" y="171"/>
                  <a:pt x="439" y="176"/>
                  <a:pt x="436" y="181"/>
                </a:cubicBezTo>
                <a:cubicBezTo>
                  <a:pt x="434" y="185"/>
                  <a:pt x="432" y="188"/>
                  <a:pt x="431" y="187"/>
                </a:cubicBezTo>
                <a:cubicBezTo>
                  <a:pt x="434" y="183"/>
                  <a:pt x="434" y="181"/>
                  <a:pt x="434" y="180"/>
                </a:cubicBezTo>
                <a:cubicBezTo>
                  <a:pt x="434" y="180"/>
                  <a:pt x="434" y="179"/>
                  <a:pt x="435" y="177"/>
                </a:cubicBezTo>
                <a:cubicBezTo>
                  <a:pt x="435" y="176"/>
                  <a:pt x="435" y="176"/>
                  <a:pt x="435" y="176"/>
                </a:cubicBezTo>
                <a:cubicBezTo>
                  <a:pt x="436" y="175"/>
                  <a:pt x="437" y="172"/>
                  <a:pt x="436" y="174"/>
                </a:cubicBezTo>
                <a:cubicBezTo>
                  <a:pt x="434" y="181"/>
                  <a:pt x="428" y="192"/>
                  <a:pt x="423" y="199"/>
                </a:cubicBezTo>
                <a:cubicBezTo>
                  <a:pt x="425" y="195"/>
                  <a:pt x="419" y="201"/>
                  <a:pt x="417" y="201"/>
                </a:cubicBezTo>
                <a:cubicBezTo>
                  <a:pt x="412" y="207"/>
                  <a:pt x="418" y="202"/>
                  <a:pt x="419" y="202"/>
                </a:cubicBezTo>
                <a:cubicBezTo>
                  <a:pt x="416" y="206"/>
                  <a:pt x="412" y="212"/>
                  <a:pt x="408" y="213"/>
                </a:cubicBezTo>
                <a:cubicBezTo>
                  <a:pt x="405" y="214"/>
                  <a:pt x="406" y="212"/>
                  <a:pt x="408" y="210"/>
                </a:cubicBezTo>
                <a:cubicBezTo>
                  <a:pt x="411" y="208"/>
                  <a:pt x="413" y="205"/>
                  <a:pt x="414" y="204"/>
                </a:cubicBezTo>
                <a:cubicBezTo>
                  <a:pt x="408" y="210"/>
                  <a:pt x="402" y="216"/>
                  <a:pt x="395" y="221"/>
                </a:cubicBezTo>
                <a:cubicBezTo>
                  <a:pt x="395" y="220"/>
                  <a:pt x="395" y="220"/>
                  <a:pt x="395" y="220"/>
                </a:cubicBezTo>
                <a:cubicBezTo>
                  <a:pt x="393" y="221"/>
                  <a:pt x="390" y="224"/>
                  <a:pt x="388" y="224"/>
                </a:cubicBezTo>
                <a:cubicBezTo>
                  <a:pt x="385" y="224"/>
                  <a:pt x="390" y="222"/>
                  <a:pt x="394" y="220"/>
                </a:cubicBezTo>
                <a:cubicBezTo>
                  <a:pt x="381" y="225"/>
                  <a:pt x="374" y="233"/>
                  <a:pt x="361" y="234"/>
                </a:cubicBezTo>
                <a:cubicBezTo>
                  <a:pt x="355" y="238"/>
                  <a:pt x="355" y="238"/>
                  <a:pt x="355" y="238"/>
                </a:cubicBezTo>
                <a:cubicBezTo>
                  <a:pt x="354" y="238"/>
                  <a:pt x="352" y="238"/>
                  <a:pt x="354" y="238"/>
                </a:cubicBezTo>
                <a:cubicBezTo>
                  <a:pt x="347" y="241"/>
                  <a:pt x="347" y="241"/>
                  <a:pt x="347" y="241"/>
                </a:cubicBezTo>
                <a:cubicBezTo>
                  <a:pt x="334" y="247"/>
                  <a:pt x="343" y="240"/>
                  <a:pt x="338" y="241"/>
                </a:cubicBezTo>
                <a:cubicBezTo>
                  <a:pt x="339" y="241"/>
                  <a:pt x="339" y="241"/>
                  <a:pt x="339" y="241"/>
                </a:cubicBezTo>
                <a:cubicBezTo>
                  <a:pt x="335" y="242"/>
                  <a:pt x="331" y="242"/>
                  <a:pt x="334" y="241"/>
                </a:cubicBezTo>
                <a:cubicBezTo>
                  <a:pt x="330" y="243"/>
                  <a:pt x="325" y="245"/>
                  <a:pt x="321" y="247"/>
                </a:cubicBezTo>
                <a:cubicBezTo>
                  <a:pt x="321" y="247"/>
                  <a:pt x="321" y="247"/>
                  <a:pt x="321" y="247"/>
                </a:cubicBezTo>
                <a:cubicBezTo>
                  <a:pt x="318" y="249"/>
                  <a:pt x="312" y="251"/>
                  <a:pt x="306" y="254"/>
                </a:cubicBezTo>
                <a:cubicBezTo>
                  <a:pt x="301" y="256"/>
                  <a:pt x="296" y="258"/>
                  <a:pt x="296" y="260"/>
                </a:cubicBezTo>
                <a:cubicBezTo>
                  <a:pt x="292" y="261"/>
                  <a:pt x="289" y="261"/>
                  <a:pt x="291" y="260"/>
                </a:cubicBezTo>
                <a:cubicBezTo>
                  <a:pt x="280" y="262"/>
                  <a:pt x="293" y="257"/>
                  <a:pt x="275" y="261"/>
                </a:cubicBezTo>
                <a:cubicBezTo>
                  <a:pt x="275" y="260"/>
                  <a:pt x="277" y="260"/>
                  <a:pt x="280" y="259"/>
                </a:cubicBezTo>
                <a:cubicBezTo>
                  <a:pt x="275" y="260"/>
                  <a:pt x="274" y="260"/>
                  <a:pt x="273" y="261"/>
                </a:cubicBezTo>
                <a:cubicBezTo>
                  <a:pt x="273" y="261"/>
                  <a:pt x="272" y="260"/>
                  <a:pt x="271" y="260"/>
                </a:cubicBezTo>
                <a:cubicBezTo>
                  <a:pt x="271" y="261"/>
                  <a:pt x="264" y="262"/>
                  <a:pt x="260" y="263"/>
                </a:cubicBezTo>
                <a:cubicBezTo>
                  <a:pt x="266" y="259"/>
                  <a:pt x="266" y="259"/>
                  <a:pt x="266" y="259"/>
                </a:cubicBezTo>
                <a:cubicBezTo>
                  <a:pt x="262" y="261"/>
                  <a:pt x="260" y="262"/>
                  <a:pt x="252" y="262"/>
                </a:cubicBezTo>
                <a:cubicBezTo>
                  <a:pt x="257" y="260"/>
                  <a:pt x="257" y="260"/>
                  <a:pt x="257" y="260"/>
                </a:cubicBezTo>
                <a:cubicBezTo>
                  <a:pt x="245" y="262"/>
                  <a:pt x="256" y="264"/>
                  <a:pt x="242" y="264"/>
                </a:cubicBezTo>
                <a:cubicBezTo>
                  <a:pt x="246" y="264"/>
                  <a:pt x="251" y="264"/>
                  <a:pt x="255" y="264"/>
                </a:cubicBezTo>
                <a:cubicBezTo>
                  <a:pt x="240" y="266"/>
                  <a:pt x="245" y="268"/>
                  <a:pt x="239" y="271"/>
                </a:cubicBezTo>
                <a:cubicBezTo>
                  <a:pt x="223" y="275"/>
                  <a:pt x="203" y="271"/>
                  <a:pt x="190" y="276"/>
                </a:cubicBezTo>
                <a:cubicBezTo>
                  <a:pt x="188" y="274"/>
                  <a:pt x="190" y="274"/>
                  <a:pt x="186" y="272"/>
                </a:cubicBezTo>
                <a:cubicBezTo>
                  <a:pt x="196" y="272"/>
                  <a:pt x="201" y="271"/>
                  <a:pt x="206" y="269"/>
                </a:cubicBezTo>
                <a:cubicBezTo>
                  <a:pt x="225" y="266"/>
                  <a:pt x="211" y="274"/>
                  <a:pt x="233" y="269"/>
                </a:cubicBezTo>
                <a:cubicBezTo>
                  <a:pt x="231" y="268"/>
                  <a:pt x="225" y="268"/>
                  <a:pt x="219" y="269"/>
                </a:cubicBezTo>
                <a:cubicBezTo>
                  <a:pt x="218" y="268"/>
                  <a:pt x="225" y="266"/>
                  <a:pt x="230" y="265"/>
                </a:cubicBezTo>
                <a:cubicBezTo>
                  <a:pt x="218" y="267"/>
                  <a:pt x="200" y="266"/>
                  <a:pt x="192" y="266"/>
                </a:cubicBezTo>
                <a:cubicBezTo>
                  <a:pt x="189" y="267"/>
                  <a:pt x="179" y="268"/>
                  <a:pt x="175" y="267"/>
                </a:cubicBezTo>
                <a:cubicBezTo>
                  <a:pt x="175" y="269"/>
                  <a:pt x="156" y="269"/>
                  <a:pt x="162" y="271"/>
                </a:cubicBezTo>
                <a:cubicBezTo>
                  <a:pt x="148" y="271"/>
                  <a:pt x="153" y="268"/>
                  <a:pt x="140" y="270"/>
                </a:cubicBezTo>
                <a:cubicBezTo>
                  <a:pt x="145" y="268"/>
                  <a:pt x="132" y="267"/>
                  <a:pt x="138" y="266"/>
                </a:cubicBezTo>
                <a:cubicBezTo>
                  <a:pt x="142" y="268"/>
                  <a:pt x="156" y="266"/>
                  <a:pt x="163" y="265"/>
                </a:cubicBezTo>
                <a:cubicBezTo>
                  <a:pt x="157" y="264"/>
                  <a:pt x="150" y="264"/>
                  <a:pt x="144" y="263"/>
                </a:cubicBezTo>
                <a:cubicBezTo>
                  <a:pt x="149" y="264"/>
                  <a:pt x="142" y="265"/>
                  <a:pt x="139" y="265"/>
                </a:cubicBezTo>
                <a:cubicBezTo>
                  <a:pt x="137" y="263"/>
                  <a:pt x="137" y="263"/>
                  <a:pt x="137" y="263"/>
                </a:cubicBezTo>
                <a:cubicBezTo>
                  <a:pt x="135" y="265"/>
                  <a:pt x="127" y="263"/>
                  <a:pt x="118" y="261"/>
                </a:cubicBezTo>
                <a:cubicBezTo>
                  <a:pt x="109" y="260"/>
                  <a:pt x="99" y="257"/>
                  <a:pt x="94" y="259"/>
                </a:cubicBezTo>
                <a:cubicBezTo>
                  <a:pt x="100" y="260"/>
                  <a:pt x="105" y="262"/>
                  <a:pt x="108" y="260"/>
                </a:cubicBezTo>
                <a:cubicBezTo>
                  <a:pt x="119" y="263"/>
                  <a:pt x="105" y="263"/>
                  <a:pt x="110" y="265"/>
                </a:cubicBezTo>
                <a:cubicBezTo>
                  <a:pt x="101" y="265"/>
                  <a:pt x="90" y="263"/>
                  <a:pt x="80" y="260"/>
                </a:cubicBezTo>
                <a:cubicBezTo>
                  <a:pt x="69" y="257"/>
                  <a:pt x="58" y="254"/>
                  <a:pt x="49" y="251"/>
                </a:cubicBezTo>
                <a:cubicBezTo>
                  <a:pt x="53" y="251"/>
                  <a:pt x="61" y="255"/>
                  <a:pt x="62" y="253"/>
                </a:cubicBezTo>
                <a:cubicBezTo>
                  <a:pt x="56" y="250"/>
                  <a:pt x="49" y="248"/>
                  <a:pt x="42" y="245"/>
                </a:cubicBezTo>
                <a:cubicBezTo>
                  <a:pt x="34" y="241"/>
                  <a:pt x="27" y="237"/>
                  <a:pt x="22" y="231"/>
                </a:cubicBezTo>
                <a:cubicBezTo>
                  <a:pt x="23" y="231"/>
                  <a:pt x="24" y="231"/>
                  <a:pt x="25" y="232"/>
                </a:cubicBezTo>
                <a:cubicBezTo>
                  <a:pt x="21" y="227"/>
                  <a:pt x="20" y="226"/>
                  <a:pt x="20" y="224"/>
                </a:cubicBezTo>
                <a:cubicBezTo>
                  <a:pt x="20" y="223"/>
                  <a:pt x="19" y="221"/>
                  <a:pt x="17" y="215"/>
                </a:cubicBezTo>
                <a:cubicBezTo>
                  <a:pt x="17" y="215"/>
                  <a:pt x="17" y="217"/>
                  <a:pt x="16" y="214"/>
                </a:cubicBezTo>
                <a:cubicBezTo>
                  <a:pt x="15" y="208"/>
                  <a:pt x="15" y="208"/>
                  <a:pt x="16" y="208"/>
                </a:cubicBezTo>
                <a:cubicBezTo>
                  <a:pt x="16" y="208"/>
                  <a:pt x="17" y="209"/>
                  <a:pt x="17" y="205"/>
                </a:cubicBezTo>
                <a:cubicBezTo>
                  <a:pt x="15" y="198"/>
                  <a:pt x="16" y="196"/>
                  <a:pt x="17" y="194"/>
                </a:cubicBezTo>
                <a:cubicBezTo>
                  <a:pt x="18" y="192"/>
                  <a:pt x="18" y="189"/>
                  <a:pt x="20" y="180"/>
                </a:cubicBezTo>
                <a:cubicBezTo>
                  <a:pt x="20" y="182"/>
                  <a:pt x="20" y="182"/>
                  <a:pt x="20" y="182"/>
                </a:cubicBezTo>
                <a:cubicBezTo>
                  <a:pt x="21" y="175"/>
                  <a:pt x="24" y="167"/>
                  <a:pt x="29" y="160"/>
                </a:cubicBezTo>
                <a:cubicBezTo>
                  <a:pt x="33" y="153"/>
                  <a:pt x="39" y="146"/>
                  <a:pt x="43" y="140"/>
                </a:cubicBezTo>
                <a:cubicBezTo>
                  <a:pt x="42" y="140"/>
                  <a:pt x="36" y="150"/>
                  <a:pt x="35" y="148"/>
                </a:cubicBezTo>
                <a:cubicBezTo>
                  <a:pt x="38" y="142"/>
                  <a:pt x="42" y="137"/>
                  <a:pt x="46" y="132"/>
                </a:cubicBezTo>
                <a:cubicBezTo>
                  <a:pt x="47" y="131"/>
                  <a:pt x="53" y="125"/>
                  <a:pt x="50" y="130"/>
                </a:cubicBezTo>
                <a:cubicBezTo>
                  <a:pt x="49" y="132"/>
                  <a:pt x="47" y="134"/>
                  <a:pt x="46" y="135"/>
                </a:cubicBezTo>
                <a:cubicBezTo>
                  <a:pt x="48" y="134"/>
                  <a:pt x="48" y="134"/>
                  <a:pt x="48" y="134"/>
                </a:cubicBezTo>
                <a:cubicBezTo>
                  <a:pt x="59" y="119"/>
                  <a:pt x="45" y="132"/>
                  <a:pt x="43" y="131"/>
                </a:cubicBezTo>
                <a:cubicBezTo>
                  <a:pt x="50" y="124"/>
                  <a:pt x="51" y="120"/>
                  <a:pt x="56" y="115"/>
                </a:cubicBezTo>
                <a:cubicBezTo>
                  <a:pt x="59" y="114"/>
                  <a:pt x="49" y="126"/>
                  <a:pt x="56" y="121"/>
                </a:cubicBezTo>
                <a:cubicBezTo>
                  <a:pt x="58" y="119"/>
                  <a:pt x="62" y="115"/>
                  <a:pt x="67" y="110"/>
                </a:cubicBezTo>
                <a:cubicBezTo>
                  <a:pt x="71" y="105"/>
                  <a:pt x="75" y="100"/>
                  <a:pt x="77" y="97"/>
                </a:cubicBezTo>
                <a:cubicBezTo>
                  <a:pt x="82" y="96"/>
                  <a:pt x="90" y="90"/>
                  <a:pt x="97" y="85"/>
                </a:cubicBezTo>
                <a:cubicBezTo>
                  <a:pt x="104" y="80"/>
                  <a:pt x="110" y="76"/>
                  <a:pt x="111" y="77"/>
                </a:cubicBezTo>
                <a:cubicBezTo>
                  <a:pt x="110" y="77"/>
                  <a:pt x="112" y="74"/>
                  <a:pt x="116" y="72"/>
                </a:cubicBezTo>
                <a:cubicBezTo>
                  <a:pt x="115" y="75"/>
                  <a:pt x="115" y="75"/>
                  <a:pt x="115" y="75"/>
                </a:cubicBezTo>
                <a:cubicBezTo>
                  <a:pt x="127" y="69"/>
                  <a:pt x="124" y="65"/>
                  <a:pt x="132" y="61"/>
                </a:cubicBezTo>
                <a:cubicBezTo>
                  <a:pt x="132" y="62"/>
                  <a:pt x="130" y="64"/>
                  <a:pt x="129" y="65"/>
                </a:cubicBezTo>
                <a:cubicBezTo>
                  <a:pt x="146" y="57"/>
                  <a:pt x="153" y="48"/>
                  <a:pt x="171" y="43"/>
                </a:cubicBezTo>
                <a:cubicBezTo>
                  <a:pt x="171" y="44"/>
                  <a:pt x="170" y="44"/>
                  <a:pt x="168" y="45"/>
                </a:cubicBezTo>
                <a:cubicBezTo>
                  <a:pt x="168" y="46"/>
                  <a:pt x="171" y="44"/>
                  <a:pt x="176" y="41"/>
                </a:cubicBezTo>
                <a:cubicBezTo>
                  <a:pt x="170" y="42"/>
                  <a:pt x="170" y="42"/>
                  <a:pt x="170" y="42"/>
                </a:cubicBezTo>
                <a:cubicBezTo>
                  <a:pt x="177" y="35"/>
                  <a:pt x="195" y="35"/>
                  <a:pt x="209" y="30"/>
                </a:cubicBezTo>
                <a:cubicBezTo>
                  <a:pt x="208" y="31"/>
                  <a:pt x="197" y="35"/>
                  <a:pt x="203" y="34"/>
                </a:cubicBezTo>
                <a:cubicBezTo>
                  <a:pt x="213" y="31"/>
                  <a:pt x="211" y="27"/>
                  <a:pt x="223" y="27"/>
                </a:cubicBezTo>
                <a:cubicBezTo>
                  <a:pt x="218" y="28"/>
                  <a:pt x="220" y="30"/>
                  <a:pt x="215" y="32"/>
                </a:cubicBezTo>
                <a:cubicBezTo>
                  <a:pt x="223" y="30"/>
                  <a:pt x="228" y="30"/>
                  <a:pt x="230" y="28"/>
                </a:cubicBezTo>
                <a:cubicBezTo>
                  <a:pt x="233" y="28"/>
                  <a:pt x="234" y="28"/>
                  <a:pt x="234" y="28"/>
                </a:cubicBezTo>
                <a:cubicBezTo>
                  <a:pt x="238" y="26"/>
                  <a:pt x="246" y="26"/>
                  <a:pt x="251" y="25"/>
                </a:cubicBezTo>
                <a:cubicBezTo>
                  <a:pt x="250" y="26"/>
                  <a:pt x="250" y="26"/>
                  <a:pt x="250" y="26"/>
                </a:cubicBezTo>
                <a:cubicBezTo>
                  <a:pt x="259" y="20"/>
                  <a:pt x="266" y="23"/>
                  <a:pt x="278" y="21"/>
                </a:cubicBezTo>
                <a:cubicBezTo>
                  <a:pt x="277" y="23"/>
                  <a:pt x="277" y="23"/>
                  <a:pt x="277" y="23"/>
                </a:cubicBezTo>
                <a:cubicBezTo>
                  <a:pt x="282" y="21"/>
                  <a:pt x="290" y="19"/>
                  <a:pt x="299" y="20"/>
                </a:cubicBezTo>
                <a:cubicBezTo>
                  <a:pt x="294" y="22"/>
                  <a:pt x="294" y="22"/>
                  <a:pt x="294" y="22"/>
                </a:cubicBezTo>
                <a:cubicBezTo>
                  <a:pt x="302" y="20"/>
                  <a:pt x="315" y="21"/>
                  <a:pt x="321" y="19"/>
                </a:cubicBezTo>
                <a:cubicBezTo>
                  <a:pt x="324" y="19"/>
                  <a:pt x="315" y="22"/>
                  <a:pt x="327" y="21"/>
                </a:cubicBezTo>
                <a:cubicBezTo>
                  <a:pt x="329" y="20"/>
                  <a:pt x="339" y="19"/>
                  <a:pt x="342" y="20"/>
                </a:cubicBezTo>
                <a:cubicBezTo>
                  <a:pt x="342" y="21"/>
                  <a:pt x="340" y="22"/>
                  <a:pt x="337" y="21"/>
                </a:cubicBezTo>
                <a:cubicBezTo>
                  <a:pt x="335" y="21"/>
                  <a:pt x="336" y="21"/>
                  <a:pt x="337" y="20"/>
                </a:cubicBezTo>
                <a:cubicBezTo>
                  <a:pt x="333" y="22"/>
                  <a:pt x="333" y="22"/>
                  <a:pt x="333" y="22"/>
                </a:cubicBezTo>
                <a:cubicBezTo>
                  <a:pt x="342" y="22"/>
                  <a:pt x="341" y="20"/>
                  <a:pt x="350" y="21"/>
                </a:cubicBezTo>
                <a:cubicBezTo>
                  <a:pt x="352" y="22"/>
                  <a:pt x="347" y="22"/>
                  <a:pt x="346" y="23"/>
                </a:cubicBezTo>
                <a:cubicBezTo>
                  <a:pt x="358" y="22"/>
                  <a:pt x="370" y="21"/>
                  <a:pt x="382" y="21"/>
                </a:cubicBezTo>
                <a:cubicBezTo>
                  <a:pt x="383" y="20"/>
                  <a:pt x="378" y="19"/>
                  <a:pt x="382" y="18"/>
                </a:cubicBezTo>
                <a:cubicBezTo>
                  <a:pt x="369" y="17"/>
                  <a:pt x="369" y="17"/>
                  <a:pt x="369" y="17"/>
                </a:cubicBezTo>
                <a:cubicBezTo>
                  <a:pt x="363" y="15"/>
                  <a:pt x="376" y="15"/>
                  <a:pt x="381" y="15"/>
                </a:cubicBezTo>
                <a:cubicBezTo>
                  <a:pt x="373" y="14"/>
                  <a:pt x="373" y="14"/>
                  <a:pt x="373" y="14"/>
                </a:cubicBezTo>
                <a:cubicBezTo>
                  <a:pt x="372" y="14"/>
                  <a:pt x="373" y="14"/>
                  <a:pt x="373" y="14"/>
                </a:cubicBezTo>
                <a:cubicBezTo>
                  <a:pt x="367" y="14"/>
                  <a:pt x="367" y="14"/>
                  <a:pt x="367" y="14"/>
                </a:cubicBezTo>
                <a:cubicBezTo>
                  <a:pt x="384" y="11"/>
                  <a:pt x="349" y="10"/>
                  <a:pt x="368" y="9"/>
                </a:cubicBezTo>
                <a:cubicBezTo>
                  <a:pt x="363" y="9"/>
                  <a:pt x="358" y="10"/>
                  <a:pt x="355" y="11"/>
                </a:cubicBezTo>
                <a:cubicBezTo>
                  <a:pt x="346" y="11"/>
                  <a:pt x="348" y="10"/>
                  <a:pt x="345" y="10"/>
                </a:cubicBezTo>
                <a:cubicBezTo>
                  <a:pt x="358" y="8"/>
                  <a:pt x="358" y="8"/>
                  <a:pt x="358" y="8"/>
                </a:cubicBezTo>
                <a:cubicBezTo>
                  <a:pt x="338" y="9"/>
                  <a:pt x="360" y="6"/>
                  <a:pt x="345" y="5"/>
                </a:cubicBezTo>
                <a:cubicBezTo>
                  <a:pt x="328" y="7"/>
                  <a:pt x="318" y="2"/>
                  <a:pt x="309" y="2"/>
                </a:cubicBezTo>
                <a:cubicBezTo>
                  <a:pt x="292" y="4"/>
                  <a:pt x="316" y="4"/>
                  <a:pt x="305" y="6"/>
                </a:cubicBezTo>
                <a:cubicBezTo>
                  <a:pt x="296" y="7"/>
                  <a:pt x="301" y="5"/>
                  <a:pt x="295" y="5"/>
                </a:cubicBezTo>
                <a:cubicBezTo>
                  <a:pt x="291" y="8"/>
                  <a:pt x="291" y="8"/>
                  <a:pt x="291" y="8"/>
                </a:cubicBezTo>
                <a:cubicBezTo>
                  <a:pt x="280" y="9"/>
                  <a:pt x="290" y="6"/>
                  <a:pt x="284" y="7"/>
                </a:cubicBezTo>
                <a:cubicBezTo>
                  <a:pt x="275" y="7"/>
                  <a:pt x="286" y="6"/>
                  <a:pt x="288" y="4"/>
                </a:cubicBezTo>
                <a:cubicBezTo>
                  <a:pt x="286" y="5"/>
                  <a:pt x="277" y="7"/>
                  <a:pt x="273" y="6"/>
                </a:cubicBezTo>
                <a:cubicBezTo>
                  <a:pt x="273" y="6"/>
                  <a:pt x="284" y="4"/>
                  <a:pt x="277" y="5"/>
                </a:cubicBezTo>
                <a:cubicBezTo>
                  <a:pt x="263" y="7"/>
                  <a:pt x="255" y="8"/>
                  <a:pt x="247" y="9"/>
                </a:cubicBezTo>
                <a:cubicBezTo>
                  <a:pt x="239" y="10"/>
                  <a:pt x="231" y="11"/>
                  <a:pt x="219" y="14"/>
                </a:cubicBezTo>
                <a:cubicBezTo>
                  <a:pt x="221" y="12"/>
                  <a:pt x="221" y="12"/>
                  <a:pt x="221" y="12"/>
                </a:cubicBezTo>
                <a:cubicBezTo>
                  <a:pt x="218" y="13"/>
                  <a:pt x="216" y="14"/>
                  <a:pt x="213" y="15"/>
                </a:cubicBezTo>
                <a:cubicBezTo>
                  <a:pt x="215" y="13"/>
                  <a:pt x="215" y="13"/>
                  <a:pt x="215" y="13"/>
                </a:cubicBezTo>
                <a:cubicBezTo>
                  <a:pt x="213" y="14"/>
                  <a:pt x="206" y="16"/>
                  <a:pt x="198" y="19"/>
                </a:cubicBezTo>
                <a:cubicBezTo>
                  <a:pt x="172" y="28"/>
                  <a:pt x="172" y="28"/>
                  <a:pt x="172" y="28"/>
                </a:cubicBezTo>
                <a:cubicBezTo>
                  <a:pt x="179" y="23"/>
                  <a:pt x="179" y="23"/>
                  <a:pt x="179" y="23"/>
                </a:cubicBezTo>
                <a:cubicBezTo>
                  <a:pt x="175" y="26"/>
                  <a:pt x="170" y="28"/>
                  <a:pt x="166" y="30"/>
                </a:cubicBezTo>
                <a:cubicBezTo>
                  <a:pt x="167" y="27"/>
                  <a:pt x="167" y="27"/>
                  <a:pt x="167" y="27"/>
                </a:cubicBezTo>
                <a:cubicBezTo>
                  <a:pt x="163" y="31"/>
                  <a:pt x="146" y="36"/>
                  <a:pt x="134" y="43"/>
                </a:cubicBezTo>
                <a:cubicBezTo>
                  <a:pt x="134" y="42"/>
                  <a:pt x="134" y="42"/>
                  <a:pt x="134" y="42"/>
                </a:cubicBezTo>
                <a:cubicBezTo>
                  <a:pt x="131" y="43"/>
                  <a:pt x="129" y="45"/>
                  <a:pt x="126" y="46"/>
                </a:cubicBezTo>
                <a:cubicBezTo>
                  <a:pt x="128" y="44"/>
                  <a:pt x="128" y="44"/>
                  <a:pt x="128" y="44"/>
                </a:cubicBezTo>
                <a:cubicBezTo>
                  <a:pt x="121" y="48"/>
                  <a:pt x="113" y="55"/>
                  <a:pt x="105" y="59"/>
                </a:cubicBezTo>
                <a:cubicBezTo>
                  <a:pt x="110" y="56"/>
                  <a:pt x="110" y="54"/>
                  <a:pt x="109" y="53"/>
                </a:cubicBezTo>
                <a:close/>
                <a:moveTo>
                  <a:pt x="136" y="282"/>
                </a:moveTo>
                <a:cubicBezTo>
                  <a:pt x="140" y="282"/>
                  <a:pt x="140" y="282"/>
                  <a:pt x="140" y="282"/>
                </a:cubicBezTo>
                <a:cubicBezTo>
                  <a:pt x="138" y="282"/>
                  <a:pt x="137" y="282"/>
                  <a:pt x="136" y="282"/>
                </a:cubicBezTo>
                <a:cubicBezTo>
                  <a:pt x="130" y="282"/>
                  <a:pt x="130" y="282"/>
                  <a:pt x="130" y="282"/>
                </a:cubicBezTo>
                <a:cubicBezTo>
                  <a:pt x="131" y="281"/>
                  <a:pt x="133" y="282"/>
                  <a:pt x="136" y="282"/>
                </a:cubicBezTo>
                <a:close/>
                <a:moveTo>
                  <a:pt x="345" y="25"/>
                </a:moveTo>
                <a:cubicBezTo>
                  <a:pt x="348" y="27"/>
                  <a:pt x="351" y="28"/>
                  <a:pt x="354" y="29"/>
                </a:cubicBezTo>
                <a:cubicBezTo>
                  <a:pt x="352" y="28"/>
                  <a:pt x="346" y="26"/>
                  <a:pt x="349" y="26"/>
                </a:cubicBezTo>
                <a:cubicBezTo>
                  <a:pt x="347" y="26"/>
                  <a:pt x="344" y="24"/>
                  <a:pt x="345" y="25"/>
                </a:cubicBezTo>
                <a:close/>
                <a:moveTo>
                  <a:pt x="124" y="268"/>
                </a:moveTo>
                <a:cubicBezTo>
                  <a:pt x="129" y="267"/>
                  <a:pt x="129" y="267"/>
                  <a:pt x="129" y="267"/>
                </a:cubicBezTo>
                <a:cubicBezTo>
                  <a:pt x="132" y="269"/>
                  <a:pt x="132" y="269"/>
                  <a:pt x="132" y="269"/>
                </a:cubicBezTo>
                <a:lnTo>
                  <a:pt x="124" y="268"/>
                </a:lnTo>
                <a:close/>
                <a:moveTo>
                  <a:pt x="52" y="251"/>
                </a:moveTo>
                <a:cubicBezTo>
                  <a:pt x="55" y="251"/>
                  <a:pt x="57" y="252"/>
                  <a:pt x="60" y="253"/>
                </a:cubicBezTo>
                <a:cubicBezTo>
                  <a:pt x="61" y="253"/>
                  <a:pt x="61" y="253"/>
                  <a:pt x="61" y="253"/>
                </a:cubicBezTo>
                <a:cubicBezTo>
                  <a:pt x="58" y="253"/>
                  <a:pt x="55" y="252"/>
                  <a:pt x="53" y="251"/>
                </a:cubicBezTo>
                <a:lnTo>
                  <a:pt x="52" y="251"/>
                </a:lnTo>
                <a:close/>
                <a:moveTo>
                  <a:pt x="12" y="163"/>
                </a:moveTo>
                <a:cubicBezTo>
                  <a:pt x="12" y="169"/>
                  <a:pt x="9" y="170"/>
                  <a:pt x="8" y="177"/>
                </a:cubicBezTo>
                <a:cubicBezTo>
                  <a:pt x="8" y="178"/>
                  <a:pt x="8" y="178"/>
                  <a:pt x="8" y="179"/>
                </a:cubicBezTo>
                <a:cubicBezTo>
                  <a:pt x="8" y="178"/>
                  <a:pt x="8" y="178"/>
                  <a:pt x="8" y="177"/>
                </a:cubicBezTo>
                <a:cubicBezTo>
                  <a:pt x="8" y="173"/>
                  <a:pt x="7" y="168"/>
                  <a:pt x="12" y="163"/>
                </a:cubicBezTo>
                <a:close/>
                <a:moveTo>
                  <a:pt x="117" y="278"/>
                </a:moveTo>
                <a:cubicBezTo>
                  <a:pt x="117" y="279"/>
                  <a:pt x="107" y="278"/>
                  <a:pt x="104" y="278"/>
                </a:cubicBezTo>
                <a:cubicBezTo>
                  <a:pt x="100" y="278"/>
                  <a:pt x="106" y="277"/>
                  <a:pt x="107" y="277"/>
                </a:cubicBezTo>
                <a:cubicBezTo>
                  <a:pt x="105" y="276"/>
                  <a:pt x="104" y="276"/>
                  <a:pt x="101" y="276"/>
                </a:cubicBezTo>
                <a:cubicBezTo>
                  <a:pt x="103" y="273"/>
                  <a:pt x="109" y="278"/>
                  <a:pt x="117" y="278"/>
                </a:cubicBezTo>
                <a:close/>
                <a:moveTo>
                  <a:pt x="301" y="267"/>
                </a:moveTo>
                <a:cubicBezTo>
                  <a:pt x="294" y="270"/>
                  <a:pt x="294" y="270"/>
                  <a:pt x="294" y="270"/>
                </a:cubicBezTo>
                <a:cubicBezTo>
                  <a:pt x="296" y="269"/>
                  <a:pt x="296" y="269"/>
                  <a:pt x="296" y="269"/>
                </a:cubicBezTo>
                <a:lnTo>
                  <a:pt x="301" y="267"/>
                </a:lnTo>
                <a:close/>
                <a:moveTo>
                  <a:pt x="338" y="257"/>
                </a:moveTo>
                <a:cubicBezTo>
                  <a:pt x="347" y="254"/>
                  <a:pt x="353" y="250"/>
                  <a:pt x="351" y="249"/>
                </a:cubicBezTo>
                <a:cubicBezTo>
                  <a:pt x="344" y="252"/>
                  <a:pt x="334" y="255"/>
                  <a:pt x="330" y="258"/>
                </a:cubicBezTo>
                <a:cubicBezTo>
                  <a:pt x="334" y="256"/>
                  <a:pt x="329" y="262"/>
                  <a:pt x="338" y="257"/>
                </a:cubicBezTo>
                <a:close/>
                <a:moveTo>
                  <a:pt x="36" y="250"/>
                </a:moveTo>
                <a:cubicBezTo>
                  <a:pt x="33" y="248"/>
                  <a:pt x="29" y="246"/>
                  <a:pt x="27" y="244"/>
                </a:cubicBezTo>
                <a:cubicBezTo>
                  <a:pt x="31" y="248"/>
                  <a:pt x="40" y="250"/>
                  <a:pt x="49" y="256"/>
                </a:cubicBezTo>
                <a:cubicBezTo>
                  <a:pt x="46" y="255"/>
                  <a:pt x="43" y="254"/>
                  <a:pt x="41" y="253"/>
                </a:cubicBezTo>
                <a:cubicBezTo>
                  <a:pt x="42" y="254"/>
                  <a:pt x="42" y="254"/>
                  <a:pt x="42" y="254"/>
                </a:cubicBezTo>
                <a:cubicBezTo>
                  <a:pt x="40" y="254"/>
                  <a:pt x="40" y="254"/>
                  <a:pt x="40" y="254"/>
                </a:cubicBezTo>
                <a:cubicBezTo>
                  <a:pt x="42" y="253"/>
                  <a:pt x="39" y="252"/>
                  <a:pt x="36" y="250"/>
                </a:cubicBezTo>
                <a:close/>
                <a:moveTo>
                  <a:pt x="405" y="226"/>
                </a:moveTo>
                <a:cubicBezTo>
                  <a:pt x="407" y="225"/>
                  <a:pt x="410" y="222"/>
                  <a:pt x="412" y="220"/>
                </a:cubicBezTo>
                <a:cubicBezTo>
                  <a:pt x="414" y="218"/>
                  <a:pt x="416" y="215"/>
                  <a:pt x="415" y="215"/>
                </a:cubicBezTo>
                <a:cubicBezTo>
                  <a:pt x="416" y="215"/>
                  <a:pt x="414" y="217"/>
                  <a:pt x="411" y="220"/>
                </a:cubicBezTo>
                <a:cubicBezTo>
                  <a:pt x="407" y="223"/>
                  <a:pt x="403" y="227"/>
                  <a:pt x="400" y="229"/>
                </a:cubicBezTo>
                <a:cubicBezTo>
                  <a:pt x="402" y="227"/>
                  <a:pt x="403" y="227"/>
                  <a:pt x="405" y="226"/>
                </a:cubicBezTo>
                <a:close/>
                <a:moveTo>
                  <a:pt x="401" y="226"/>
                </a:moveTo>
                <a:cubicBezTo>
                  <a:pt x="397" y="227"/>
                  <a:pt x="398" y="226"/>
                  <a:pt x="391" y="230"/>
                </a:cubicBezTo>
                <a:cubicBezTo>
                  <a:pt x="393" y="230"/>
                  <a:pt x="392" y="235"/>
                  <a:pt x="381" y="238"/>
                </a:cubicBezTo>
                <a:cubicBezTo>
                  <a:pt x="388" y="233"/>
                  <a:pt x="388" y="232"/>
                  <a:pt x="398" y="225"/>
                </a:cubicBezTo>
                <a:lnTo>
                  <a:pt x="401" y="226"/>
                </a:lnTo>
                <a:close/>
                <a:moveTo>
                  <a:pt x="386" y="238"/>
                </a:moveTo>
                <a:cubicBezTo>
                  <a:pt x="382" y="240"/>
                  <a:pt x="377" y="241"/>
                  <a:pt x="373" y="243"/>
                </a:cubicBezTo>
                <a:cubicBezTo>
                  <a:pt x="379" y="237"/>
                  <a:pt x="381" y="239"/>
                  <a:pt x="386" y="238"/>
                </a:cubicBezTo>
                <a:cubicBezTo>
                  <a:pt x="390" y="237"/>
                  <a:pt x="390" y="237"/>
                  <a:pt x="390" y="237"/>
                </a:cubicBezTo>
                <a:cubicBezTo>
                  <a:pt x="389" y="237"/>
                  <a:pt x="387" y="238"/>
                  <a:pt x="386" y="238"/>
                </a:cubicBezTo>
                <a:close/>
                <a:moveTo>
                  <a:pt x="453" y="169"/>
                </a:moveTo>
                <a:cubicBezTo>
                  <a:pt x="452" y="169"/>
                  <a:pt x="453" y="168"/>
                  <a:pt x="454" y="163"/>
                </a:cubicBezTo>
                <a:cubicBezTo>
                  <a:pt x="454" y="164"/>
                  <a:pt x="454" y="165"/>
                  <a:pt x="454" y="167"/>
                </a:cubicBezTo>
                <a:cubicBezTo>
                  <a:pt x="455" y="166"/>
                  <a:pt x="455" y="167"/>
                  <a:pt x="454" y="172"/>
                </a:cubicBezTo>
                <a:cubicBezTo>
                  <a:pt x="454" y="170"/>
                  <a:pt x="454" y="169"/>
                  <a:pt x="454" y="167"/>
                </a:cubicBezTo>
                <a:cubicBezTo>
                  <a:pt x="454" y="167"/>
                  <a:pt x="453" y="169"/>
                  <a:pt x="453" y="169"/>
                </a:cubicBezTo>
                <a:close/>
                <a:moveTo>
                  <a:pt x="398" y="232"/>
                </a:moveTo>
                <a:cubicBezTo>
                  <a:pt x="402" y="230"/>
                  <a:pt x="406" y="227"/>
                  <a:pt x="410" y="225"/>
                </a:cubicBezTo>
                <a:cubicBezTo>
                  <a:pt x="406" y="227"/>
                  <a:pt x="398" y="231"/>
                  <a:pt x="398" y="232"/>
                </a:cubicBezTo>
                <a:close/>
                <a:moveTo>
                  <a:pt x="448" y="179"/>
                </a:moveTo>
                <a:cubicBezTo>
                  <a:pt x="447" y="183"/>
                  <a:pt x="444" y="186"/>
                  <a:pt x="444" y="186"/>
                </a:cubicBezTo>
                <a:cubicBezTo>
                  <a:pt x="443" y="187"/>
                  <a:pt x="445" y="184"/>
                  <a:pt x="447" y="181"/>
                </a:cubicBezTo>
                <a:cubicBezTo>
                  <a:pt x="449" y="177"/>
                  <a:pt x="450" y="172"/>
                  <a:pt x="451" y="169"/>
                </a:cubicBezTo>
                <a:cubicBezTo>
                  <a:pt x="451" y="171"/>
                  <a:pt x="450" y="175"/>
                  <a:pt x="448" y="179"/>
                </a:cubicBezTo>
                <a:close/>
                <a:moveTo>
                  <a:pt x="253" y="5"/>
                </a:moveTo>
                <a:cubicBezTo>
                  <a:pt x="257" y="7"/>
                  <a:pt x="257" y="7"/>
                  <a:pt x="257" y="7"/>
                </a:cubicBezTo>
                <a:cubicBezTo>
                  <a:pt x="249" y="6"/>
                  <a:pt x="249" y="6"/>
                  <a:pt x="249" y="6"/>
                </a:cubicBezTo>
                <a:lnTo>
                  <a:pt x="253" y="5"/>
                </a:lnTo>
                <a:close/>
                <a:moveTo>
                  <a:pt x="335" y="26"/>
                </a:moveTo>
                <a:cubicBezTo>
                  <a:pt x="336" y="27"/>
                  <a:pt x="338" y="27"/>
                  <a:pt x="339" y="28"/>
                </a:cubicBezTo>
                <a:cubicBezTo>
                  <a:pt x="341" y="29"/>
                  <a:pt x="341" y="29"/>
                  <a:pt x="341" y="29"/>
                </a:cubicBezTo>
                <a:cubicBezTo>
                  <a:pt x="339" y="28"/>
                  <a:pt x="337" y="27"/>
                  <a:pt x="335" y="26"/>
                </a:cubicBezTo>
                <a:close/>
                <a:moveTo>
                  <a:pt x="415" y="80"/>
                </a:moveTo>
                <a:cubicBezTo>
                  <a:pt x="413" y="79"/>
                  <a:pt x="413" y="78"/>
                  <a:pt x="413" y="78"/>
                </a:cubicBezTo>
                <a:cubicBezTo>
                  <a:pt x="409" y="72"/>
                  <a:pt x="396" y="60"/>
                  <a:pt x="388" y="55"/>
                </a:cubicBezTo>
                <a:cubicBezTo>
                  <a:pt x="386" y="52"/>
                  <a:pt x="396" y="58"/>
                  <a:pt x="399" y="59"/>
                </a:cubicBezTo>
                <a:cubicBezTo>
                  <a:pt x="395" y="60"/>
                  <a:pt x="398" y="62"/>
                  <a:pt x="402" y="65"/>
                </a:cubicBezTo>
                <a:cubicBezTo>
                  <a:pt x="406" y="67"/>
                  <a:pt x="412" y="71"/>
                  <a:pt x="414" y="75"/>
                </a:cubicBezTo>
                <a:cubicBezTo>
                  <a:pt x="412" y="74"/>
                  <a:pt x="408" y="70"/>
                  <a:pt x="406" y="69"/>
                </a:cubicBezTo>
                <a:cubicBezTo>
                  <a:pt x="408" y="71"/>
                  <a:pt x="412" y="75"/>
                  <a:pt x="414" y="77"/>
                </a:cubicBezTo>
                <a:cubicBezTo>
                  <a:pt x="415" y="78"/>
                  <a:pt x="416" y="78"/>
                  <a:pt x="417" y="79"/>
                </a:cubicBezTo>
                <a:cubicBezTo>
                  <a:pt x="416" y="79"/>
                  <a:pt x="415" y="78"/>
                  <a:pt x="414" y="77"/>
                </a:cubicBezTo>
                <a:cubicBezTo>
                  <a:pt x="413" y="77"/>
                  <a:pt x="413" y="77"/>
                  <a:pt x="413" y="78"/>
                </a:cubicBezTo>
                <a:cubicBezTo>
                  <a:pt x="414" y="79"/>
                  <a:pt x="414" y="80"/>
                  <a:pt x="415" y="80"/>
                </a:cubicBezTo>
                <a:close/>
                <a:moveTo>
                  <a:pt x="437" y="188"/>
                </a:moveTo>
                <a:cubicBezTo>
                  <a:pt x="436" y="190"/>
                  <a:pt x="439" y="186"/>
                  <a:pt x="436" y="193"/>
                </a:cubicBezTo>
                <a:cubicBezTo>
                  <a:pt x="435" y="193"/>
                  <a:pt x="436" y="191"/>
                  <a:pt x="437" y="188"/>
                </a:cubicBezTo>
                <a:cubicBezTo>
                  <a:pt x="437" y="187"/>
                  <a:pt x="438" y="186"/>
                  <a:pt x="439" y="183"/>
                </a:cubicBezTo>
                <a:cubicBezTo>
                  <a:pt x="438" y="185"/>
                  <a:pt x="438" y="186"/>
                  <a:pt x="437" y="188"/>
                </a:cubicBezTo>
                <a:close/>
                <a:moveTo>
                  <a:pt x="437" y="181"/>
                </a:moveTo>
                <a:cubicBezTo>
                  <a:pt x="436" y="186"/>
                  <a:pt x="433" y="191"/>
                  <a:pt x="430" y="196"/>
                </a:cubicBezTo>
                <a:cubicBezTo>
                  <a:pt x="431" y="194"/>
                  <a:pt x="432" y="192"/>
                  <a:pt x="433" y="191"/>
                </a:cubicBezTo>
                <a:cubicBezTo>
                  <a:pt x="431" y="194"/>
                  <a:pt x="429" y="197"/>
                  <a:pt x="427" y="200"/>
                </a:cubicBezTo>
                <a:cubicBezTo>
                  <a:pt x="427" y="198"/>
                  <a:pt x="432" y="189"/>
                  <a:pt x="437" y="181"/>
                </a:cubicBezTo>
                <a:close/>
                <a:moveTo>
                  <a:pt x="411" y="214"/>
                </a:moveTo>
                <a:cubicBezTo>
                  <a:pt x="416" y="210"/>
                  <a:pt x="420" y="206"/>
                  <a:pt x="424" y="201"/>
                </a:cubicBezTo>
                <a:cubicBezTo>
                  <a:pt x="424" y="202"/>
                  <a:pt x="424" y="202"/>
                  <a:pt x="424" y="202"/>
                </a:cubicBezTo>
                <a:cubicBezTo>
                  <a:pt x="424" y="201"/>
                  <a:pt x="424" y="201"/>
                  <a:pt x="424" y="201"/>
                </a:cubicBezTo>
                <a:cubicBezTo>
                  <a:pt x="424" y="202"/>
                  <a:pt x="423" y="203"/>
                  <a:pt x="423" y="204"/>
                </a:cubicBezTo>
                <a:cubicBezTo>
                  <a:pt x="424" y="202"/>
                  <a:pt x="424" y="202"/>
                  <a:pt x="424" y="202"/>
                </a:cubicBezTo>
                <a:cubicBezTo>
                  <a:pt x="420" y="206"/>
                  <a:pt x="415" y="210"/>
                  <a:pt x="411" y="214"/>
                </a:cubicBezTo>
                <a:close/>
                <a:moveTo>
                  <a:pt x="273" y="268"/>
                </a:moveTo>
                <a:cubicBezTo>
                  <a:pt x="265" y="269"/>
                  <a:pt x="265" y="269"/>
                  <a:pt x="265" y="269"/>
                </a:cubicBezTo>
                <a:cubicBezTo>
                  <a:pt x="266" y="269"/>
                  <a:pt x="275" y="266"/>
                  <a:pt x="282" y="265"/>
                </a:cubicBezTo>
                <a:cubicBezTo>
                  <a:pt x="272" y="263"/>
                  <a:pt x="279" y="266"/>
                  <a:pt x="263" y="267"/>
                </a:cubicBezTo>
                <a:cubicBezTo>
                  <a:pt x="281" y="264"/>
                  <a:pt x="274" y="263"/>
                  <a:pt x="273" y="262"/>
                </a:cubicBezTo>
                <a:cubicBezTo>
                  <a:pt x="271" y="263"/>
                  <a:pt x="265" y="265"/>
                  <a:pt x="259" y="266"/>
                </a:cubicBezTo>
                <a:cubicBezTo>
                  <a:pt x="254" y="267"/>
                  <a:pt x="250" y="268"/>
                  <a:pt x="254" y="270"/>
                </a:cubicBezTo>
                <a:cubicBezTo>
                  <a:pt x="260" y="269"/>
                  <a:pt x="269" y="271"/>
                  <a:pt x="273" y="268"/>
                </a:cubicBezTo>
                <a:close/>
                <a:moveTo>
                  <a:pt x="160" y="273"/>
                </a:moveTo>
                <a:cubicBezTo>
                  <a:pt x="149" y="273"/>
                  <a:pt x="149" y="273"/>
                  <a:pt x="149" y="273"/>
                </a:cubicBezTo>
                <a:cubicBezTo>
                  <a:pt x="161" y="273"/>
                  <a:pt x="161" y="273"/>
                  <a:pt x="161" y="273"/>
                </a:cubicBezTo>
                <a:lnTo>
                  <a:pt x="160" y="273"/>
                </a:lnTo>
                <a:close/>
                <a:moveTo>
                  <a:pt x="71" y="103"/>
                </a:moveTo>
                <a:cubicBezTo>
                  <a:pt x="70" y="106"/>
                  <a:pt x="58" y="115"/>
                  <a:pt x="58" y="114"/>
                </a:cubicBezTo>
                <a:cubicBezTo>
                  <a:pt x="60" y="113"/>
                  <a:pt x="66" y="107"/>
                  <a:pt x="71" y="103"/>
                </a:cubicBezTo>
                <a:close/>
                <a:moveTo>
                  <a:pt x="162" y="45"/>
                </a:moveTo>
                <a:cubicBezTo>
                  <a:pt x="156" y="47"/>
                  <a:pt x="149" y="53"/>
                  <a:pt x="146" y="52"/>
                </a:cubicBezTo>
                <a:cubicBezTo>
                  <a:pt x="149" y="50"/>
                  <a:pt x="153" y="48"/>
                  <a:pt x="157" y="46"/>
                </a:cubicBezTo>
                <a:cubicBezTo>
                  <a:pt x="159" y="46"/>
                  <a:pt x="163" y="44"/>
                  <a:pt x="162" y="45"/>
                </a:cubicBezTo>
                <a:close/>
                <a:moveTo>
                  <a:pt x="237" y="24"/>
                </a:moveTo>
                <a:cubicBezTo>
                  <a:pt x="240" y="21"/>
                  <a:pt x="240" y="21"/>
                  <a:pt x="240" y="21"/>
                </a:cubicBezTo>
                <a:cubicBezTo>
                  <a:pt x="236" y="22"/>
                  <a:pt x="236" y="22"/>
                  <a:pt x="236" y="22"/>
                </a:cubicBezTo>
                <a:lnTo>
                  <a:pt x="237" y="24"/>
                </a:lnTo>
                <a:close/>
                <a:moveTo>
                  <a:pt x="224" y="29"/>
                </a:moveTo>
                <a:cubicBezTo>
                  <a:pt x="226" y="29"/>
                  <a:pt x="234" y="27"/>
                  <a:pt x="232" y="26"/>
                </a:cubicBezTo>
                <a:lnTo>
                  <a:pt x="224" y="29"/>
                </a:lnTo>
                <a:close/>
                <a:moveTo>
                  <a:pt x="305" y="15"/>
                </a:moveTo>
                <a:cubicBezTo>
                  <a:pt x="300" y="18"/>
                  <a:pt x="300" y="18"/>
                  <a:pt x="300" y="18"/>
                </a:cubicBezTo>
                <a:cubicBezTo>
                  <a:pt x="305" y="17"/>
                  <a:pt x="305" y="17"/>
                  <a:pt x="305" y="17"/>
                </a:cubicBezTo>
                <a:lnTo>
                  <a:pt x="305" y="15"/>
                </a:lnTo>
                <a:close/>
                <a:moveTo>
                  <a:pt x="299" y="14"/>
                </a:moveTo>
                <a:cubicBezTo>
                  <a:pt x="298" y="14"/>
                  <a:pt x="297" y="15"/>
                  <a:pt x="297" y="16"/>
                </a:cubicBezTo>
                <a:cubicBezTo>
                  <a:pt x="294" y="16"/>
                  <a:pt x="289" y="17"/>
                  <a:pt x="285" y="17"/>
                </a:cubicBezTo>
                <a:cubicBezTo>
                  <a:pt x="285" y="16"/>
                  <a:pt x="289" y="16"/>
                  <a:pt x="291" y="16"/>
                </a:cubicBezTo>
                <a:cubicBezTo>
                  <a:pt x="289" y="16"/>
                  <a:pt x="286" y="15"/>
                  <a:pt x="282" y="16"/>
                </a:cubicBezTo>
                <a:cubicBezTo>
                  <a:pt x="287" y="18"/>
                  <a:pt x="284" y="18"/>
                  <a:pt x="284" y="20"/>
                </a:cubicBezTo>
                <a:cubicBezTo>
                  <a:pt x="296" y="19"/>
                  <a:pt x="296" y="17"/>
                  <a:pt x="297" y="16"/>
                </a:cubicBezTo>
                <a:cubicBezTo>
                  <a:pt x="298" y="15"/>
                  <a:pt x="299" y="14"/>
                  <a:pt x="299" y="14"/>
                </a:cubicBezTo>
                <a:close/>
                <a:moveTo>
                  <a:pt x="256" y="19"/>
                </a:moveTo>
                <a:cubicBezTo>
                  <a:pt x="258" y="19"/>
                  <a:pt x="258" y="19"/>
                  <a:pt x="259" y="19"/>
                </a:cubicBezTo>
                <a:cubicBezTo>
                  <a:pt x="266" y="19"/>
                  <a:pt x="274" y="18"/>
                  <a:pt x="266" y="21"/>
                </a:cubicBezTo>
                <a:cubicBezTo>
                  <a:pt x="259" y="22"/>
                  <a:pt x="259" y="22"/>
                  <a:pt x="259" y="22"/>
                </a:cubicBezTo>
                <a:cubicBezTo>
                  <a:pt x="262" y="22"/>
                  <a:pt x="262" y="21"/>
                  <a:pt x="262" y="21"/>
                </a:cubicBezTo>
                <a:cubicBezTo>
                  <a:pt x="257" y="21"/>
                  <a:pt x="254" y="23"/>
                  <a:pt x="250" y="24"/>
                </a:cubicBezTo>
                <a:cubicBezTo>
                  <a:pt x="252" y="23"/>
                  <a:pt x="260" y="21"/>
                  <a:pt x="259" y="19"/>
                </a:cubicBezTo>
                <a:cubicBezTo>
                  <a:pt x="253" y="20"/>
                  <a:pt x="253" y="20"/>
                  <a:pt x="253" y="20"/>
                </a:cubicBezTo>
                <a:cubicBezTo>
                  <a:pt x="251" y="20"/>
                  <a:pt x="250" y="21"/>
                  <a:pt x="248" y="20"/>
                </a:cubicBezTo>
                <a:cubicBezTo>
                  <a:pt x="249" y="20"/>
                  <a:pt x="249" y="20"/>
                  <a:pt x="249" y="20"/>
                </a:cubicBezTo>
                <a:cubicBezTo>
                  <a:pt x="250" y="20"/>
                  <a:pt x="251" y="20"/>
                  <a:pt x="253" y="20"/>
                </a:cubicBezTo>
                <a:cubicBezTo>
                  <a:pt x="254" y="19"/>
                  <a:pt x="255" y="19"/>
                  <a:pt x="256" y="19"/>
                </a:cubicBezTo>
                <a:close/>
                <a:moveTo>
                  <a:pt x="305" y="12"/>
                </a:moveTo>
                <a:cubicBezTo>
                  <a:pt x="306" y="11"/>
                  <a:pt x="305" y="11"/>
                  <a:pt x="307" y="10"/>
                </a:cubicBezTo>
                <a:cubicBezTo>
                  <a:pt x="311" y="10"/>
                  <a:pt x="311" y="10"/>
                  <a:pt x="311" y="10"/>
                </a:cubicBezTo>
                <a:cubicBezTo>
                  <a:pt x="316" y="10"/>
                  <a:pt x="310" y="11"/>
                  <a:pt x="305" y="12"/>
                </a:cubicBezTo>
                <a:close/>
                <a:moveTo>
                  <a:pt x="92" y="83"/>
                </a:moveTo>
                <a:cubicBezTo>
                  <a:pt x="91" y="84"/>
                  <a:pt x="81" y="92"/>
                  <a:pt x="82" y="93"/>
                </a:cubicBezTo>
                <a:cubicBezTo>
                  <a:pt x="79" y="93"/>
                  <a:pt x="79" y="93"/>
                  <a:pt x="79" y="93"/>
                </a:cubicBezTo>
                <a:cubicBezTo>
                  <a:pt x="83" y="90"/>
                  <a:pt x="87" y="85"/>
                  <a:pt x="85" y="86"/>
                </a:cubicBezTo>
                <a:cubicBezTo>
                  <a:pt x="89" y="84"/>
                  <a:pt x="93" y="81"/>
                  <a:pt x="92" y="83"/>
                </a:cubicBezTo>
                <a:close/>
                <a:moveTo>
                  <a:pt x="142" y="272"/>
                </a:moveTo>
                <a:cubicBezTo>
                  <a:pt x="139" y="272"/>
                  <a:pt x="123" y="269"/>
                  <a:pt x="121" y="272"/>
                </a:cubicBezTo>
                <a:cubicBezTo>
                  <a:pt x="116" y="268"/>
                  <a:pt x="134" y="271"/>
                  <a:pt x="142" y="272"/>
                </a:cubicBezTo>
                <a:close/>
                <a:moveTo>
                  <a:pt x="144" y="275"/>
                </a:moveTo>
                <a:cubicBezTo>
                  <a:pt x="145" y="275"/>
                  <a:pt x="146" y="275"/>
                  <a:pt x="148" y="275"/>
                </a:cubicBezTo>
                <a:cubicBezTo>
                  <a:pt x="152" y="275"/>
                  <a:pt x="152" y="273"/>
                  <a:pt x="160" y="274"/>
                </a:cubicBezTo>
                <a:cubicBezTo>
                  <a:pt x="158" y="275"/>
                  <a:pt x="155" y="274"/>
                  <a:pt x="153" y="274"/>
                </a:cubicBezTo>
                <a:cubicBezTo>
                  <a:pt x="153" y="276"/>
                  <a:pt x="152" y="275"/>
                  <a:pt x="148" y="275"/>
                </a:cubicBezTo>
                <a:cubicBezTo>
                  <a:pt x="146" y="275"/>
                  <a:pt x="145" y="275"/>
                  <a:pt x="144" y="275"/>
                </a:cubicBezTo>
                <a:close/>
                <a:moveTo>
                  <a:pt x="9" y="190"/>
                </a:moveTo>
                <a:cubicBezTo>
                  <a:pt x="9" y="193"/>
                  <a:pt x="9" y="196"/>
                  <a:pt x="9" y="199"/>
                </a:cubicBezTo>
                <a:cubicBezTo>
                  <a:pt x="9" y="201"/>
                  <a:pt x="10" y="203"/>
                  <a:pt x="11" y="205"/>
                </a:cubicBezTo>
                <a:cubicBezTo>
                  <a:pt x="10" y="200"/>
                  <a:pt x="9" y="195"/>
                  <a:pt x="9" y="190"/>
                </a:cubicBezTo>
                <a:close/>
                <a:moveTo>
                  <a:pt x="48" y="114"/>
                </a:moveTo>
                <a:cubicBezTo>
                  <a:pt x="46" y="116"/>
                  <a:pt x="45" y="117"/>
                  <a:pt x="43" y="119"/>
                </a:cubicBezTo>
                <a:cubicBezTo>
                  <a:pt x="45" y="118"/>
                  <a:pt x="45" y="118"/>
                  <a:pt x="45" y="118"/>
                </a:cubicBezTo>
                <a:cubicBezTo>
                  <a:pt x="45" y="118"/>
                  <a:pt x="47" y="117"/>
                  <a:pt x="46" y="119"/>
                </a:cubicBezTo>
                <a:cubicBezTo>
                  <a:pt x="45" y="120"/>
                  <a:pt x="44" y="121"/>
                  <a:pt x="44" y="122"/>
                </a:cubicBezTo>
                <a:cubicBezTo>
                  <a:pt x="45" y="121"/>
                  <a:pt x="46" y="120"/>
                  <a:pt x="46" y="119"/>
                </a:cubicBezTo>
                <a:cubicBezTo>
                  <a:pt x="49" y="115"/>
                  <a:pt x="54" y="110"/>
                  <a:pt x="54" y="109"/>
                </a:cubicBezTo>
                <a:cubicBezTo>
                  <a:pt x="52" y="111"/>
                  <a:pt x="46" y="118"/>
                  <a:pt x="45" y="117"/>
                </a:cubicBezTo>
                <a:lnTo>
                  <a:pt x="48" y="114"/>
                </a:lnTo>
                <a:close/>
                <a:moveTo>
                  <a:pt x="196" y="24"/>
                </a:moveTo>
                <a:cubicBezTo>
                  <a:pt x="192" y="25"/>
                  <a:pt x="191" y="26"/>
                  <a:pt x="185" y="26"/>
                </a:cubicBezTo>
                <a:cubicBezTo>
                  <a:pt x="189" y="25"/>
                  <a:pt x="194" y="23"/>
                  <a:pt x="196" y="24"/>
                </a:cubicBezTo>
                <a:close/>
                <a:moveTo>
                  <a:pt x="20" y="148"/>
                </a:moveTo>
                <a:cubicBezTo>
                  <a:pt x="21" y="149"/>
                  <a:pt x="16" y="157"/>
                  <a:pt x="19" y="155"/>
                </a:cubicBezTo>
                <a:cubicBezTo>
                  <a:pt x="21" y="151"/>
                  <a:pt x="21" y="151"/>
                  <a:pt x="21" y="151"/>
                </a:cubicBezTo>
                <a:cubicBezTo>
                  <a:pt x="18" y="157"/>
                  <a:pt x="21" y="156"/>
                  <a:pt x="16" y="163"/>
                </a:cubicBezTo>
                <a:cubicBezTo>
                  <a:pt x="17" y="162"/>
                  <a:pt x="18" y="160"/>
                  <a:pt x="19" y="158"/>
                </a:cubicBezTo>
                <a:cubicBezTo>
                  <a:pt x="15" y="164"/>
                  <a:pt x="21" y="150"/>
                  <a:pt x="15" y="159"/>
                </a:cubicBezTo>
                <a:cubicBezTo>
                  <a:pt x="13" y="163"/>
                  <a:pt x="17" y="152"/>
                  <a:pt x="20" y="148"/>
                </a:cubicBezTo>
                <a:close/>
                <a:moveTo>
                  <a:pt x="208" y="17"/>
                </a:moveTo>
                <a:cubicBezTo>
                  <a:pt x="202" y="19"/>
                  <a:pt x="204" y="21"/>
                  <a:pt x="194" y="23"/>
                </a:cubicBezTo>
                <a:cubicBezTo>
                  <a:pt x="201" y="20"/>
                  <a:pt x="199" y="18"/>
                  <a:pt x="208" y="17"/>
                </a:cubicBezTo>
                <a:close/>
                <a:moveTo>
                  <a:pt x="57" y="96"/>
                </a:moveTo>
                <a:cubicBezTo>
                  <a:pt x="56" y="97"/>
                  <a:pt x="56" y="97"/>
                  <a:pt x="56" y="97"/>
                </a:cubicBezTo>
                <a:cubicBezTo>
                  <a:pt x="50" y="103"/>
                  <a:pt x="50" y="103"/>
                  <a:pt x="50" y="103"/>
                </a:cubicBezTo>
                <a:cubicBezTo>
                  <a:pt x="51" y="103"/>
                  <a:pt x="51" y="103"/>
                  <a:pt x="51" y="103"/>
                </a:cubicBezTo>
                <a:lnTo>
                  <a:pt x="57" y="96"/>
                </a:lnTo>
                <a:close/>
                <a:moveTo>
                  <a:pt x="210" y="33"/>
                </a:moveTo>
                <a:cubicBezTo>
                  <a:pt x="212" y="33"/>
                  <a:pt x="214" y="32"/>
                  <a:pt x="215" y="32"/>
                </a:cubicBezTo>
                <a:cubicBezTo>
                  <a:pt x="213" y="32"/>
                  <a:pt x="212" y="32"/>
                  <a:pt x="210" y="33"/>
                </a:cubicBezTo>
                <a:close/>
                <a:moveTo>
                  <a:pt x="172" y="266"/>
                </a:moveTo>
                <a:cubicBezTo>
                  <a:pt x="173" y="267"/>
                  <a:pt x="173" y="267"/>
                  <a:pt x="175" y="267"/>
                </a:cubicBezTo>
                <a:cubicBezTo>
                  <a:pt x="174" y="267"/>
                  <a:pt x="174" y="267"/>
                  <a:pt x="172" y="266"/>
                </a:cubicBezTo>
                <a:close/>
                <a:moveTo>
                  <a:pt x="192" y="266"/>
                </a:moveTo>
                <a:cubicBezTo>
                  <a:pt x="192" y="266"/>
                  <a:pt x="192" y="266"/>
                  <a:pt x="192" y="266"/>
                </a:cubicBezTo>
                <a:cubicBezTo>
                  <a:pt x="193" y="266"/>
                  <a:pt x="193" y="266"/>
                  <a:pt x="193" y="266"/>
                </a:cubicBezTo>
                <a:lnTo>
                  <a:pt x="192" y="266"/>
                </a:lnTo>
                <a:close/>
                <a:moveTo>
                  <a:pt x="142" y="15"/>
                </a:moveTo>
                <a:cubicBezTo>
                  <a:pt x="139" y="18"/>
                  <a:pt x="146" y="15"/>
                  <a:pt x="150" y="14"/>
                </a:cubicBezTo>
                <a:cubicBezTo>
                  <a:pt x="146" y="15"/>
                  <a:pt x="145" y="14"/>
                  <a:pt x="142" y="15"/>
                </a:cubicBezTo>
                <a:close/>
                <a:moveTo>
                  <a:pt x="168" y="9"/>
                </a:moveTo>
                <a:cubicBezTo>
                  <a:pt x="166" y="10"/>
                  <a:pt x="163" y="10"/>
                  <a:pt x="160" y="11"/>
                </a:cubicBezTo>
                <a:cubicBezTo>
                  <a:pt x="162" y="11"/>
                  <a:pt x="165" y="10"/>
                  <a:pt x="168" y="9"/>
                </a:cubicBezTo>
                <a:close/>
                <a:moveTo>
                  <a:pt x="147" y="12"/>
                </a:moveTo>
                <a:cubicBezTo>
                  <a:pt x="152" y="12"/>
                  <a:pt x="156" y="11"/>
                  <a:pt x="160" y="11"/>
                </a:cubicBezTo>
                <a:cubicBezTo>
                  <a:pt x="157" y="11"/>
                  <a:pt x="154" y="11"/>
                  <a:pt x="147" y="12"/>
                </a:cubicBezTo>
                <a:close/>
                <a:moveTo>
                  <a:pt x="239" y="8"/>
                </a:moveTo>
                <a:cubicBezTo>
                  <a:pt x="235" y="9"/>
                  <a:pt x="227" y="8"/>
                  <a:pt x="227" y="8"/>
                </a:cubicBezTo>
                <a:cubicBezTo>
                  <a:pt x="244" y="10"/>
                  <a:pt x="223" y="10"/>
                  <a:pt x="222" y="11"/>
                </a:cubicBezTo>
                <a:cubicBezTo>
                  <a:pt x="233" y="11"/>
                  <a:pt x="233" y="9"/>
                  <a:pt x="239" y="8"/>
                </a:cubicBezTo>
                <a:close/>
                <a:moveTo>
                  <a:pt x="262" y="10"/>
                </a:moveTo>
                <a:cubicBezTo>
                  <a:pt x="260" y="10"/>
                  <a:pt x="259" y="9"/>
                  <a:pt x="257" y="9"/>
                </a:cubicBezTo>
                <a:cubicBezTo>
                  <a:pt x="259" y="9"/>
                  <a:pt x="261" y="10"/>
                  <a:pt x="262" y="10"/>
                </a:cubicBezTo>
                <a:close/>
                <a:moveTo>
                  <a:pt x="268" y="12"/>
                </a:moveTo>
                <a:cubicBezTo>
                  <a:pt x="274" y="12"/>
                  <a:pt x="277" y="12"/>
                  <a:pt x="280" y="11"/>
                </a:cubicBezTo>
                <a:cubicBezTo>
                  <a:pt x="272" y="9"/>
                  <a:pt x="268" y="10"/>
                  <a:pt x="262" y="10"/>
                </a:cubicBezTo>
                <a:cubicBezTo>
                  <a:pt x="266" y="10"/>
                  <a:pt x="271" y="11"/>
                  <a:pt x="268" y="12"/>
                </a:cubicBezTo>
                <a:close/>
                <a:moveTo>
                  <a:pt x="422" y="101"/>
                </a:moveTo>
                <a:cubicBezTo>
                  <a:pt x="421" y="100"/>
                  <a:pt x="420" y="97"/>
                  <a:pt x="419" y="98"/>
                </a:cubicBezTo>
                <a:cubicBezTo>
                  <a:pt x="421" y="100"/>
                  <a:pt x="423" y="103"/>
                  <a:pt x="425" y="105"/>
                </a:cubicBezTo>
                <a:cubicBezTo>
                  <a:pt x="427" y="108"/>
                  <a:pt x="423" y="102"/>
                  <a:pt x="422" y="101"/>
                </a:cubicBezTo>
                <a:close/>
                <a:moveTo>
                  <a:pt x="442" y="130"/>
                </a:moveTo>
                <a:cubicBezTo>
                  <a:pt x="444" y="137"/>
                  <a:pt x="441" y="134"/>
                  <a:pt x="443" y="138"/>
                </a:cubicBezTo>
                <a:cubicBezTo>
                  <a:pt x="445" y="137"/>
                  <a:pt x="445" y="137"/>
                  <a:pt x="445" y="137"/>
                </a:cubicBezTo>
                <a:cubicBezTo>
                  <a:pt x="444" y="134"/>
                  <a:pt x="443" y="132"/>
                  <a:pt x="442" y="130"/>
                </a:cubicBezTo>
                <a:close/>
                <a:moveTo>
                  <a:pt x="452" y="122"/>
                </a:moveTo>
                <a:cubicBezTo>
                  <a:pt x="450" y="120"/>
                  <a:pt x="450" y="120"/>
                  <a:pt x="450" y="120"/>
                </a:cubicBezTo>
                <a:cubicBezTo>
                  <a:pt x="452" y="122"/>
                  <a:pt x="452" y="122"/>
                  <a:pt x="452" y="122"/>
                </a:cubicBezTo>
                <a:close/>
                <a:moveTo>
                  <a:pt x="441" y="165"/>
                </a:moveTo>
                <a:cubicBezTo>
                  <a:pt x="440" y="163"/>
                  <a:pt x="440" y="162"/>
                  <a:pt x="439" y="160"/>
                </a:cubicBezTo>
                <a:cubicBezTo>
                  <a:pt x="439" y="166"/>
                  <a:pt x="440" y="166"/>
                  <a:pt x="441" y="165"/>
                </a:cubicBezTo>
                <a:close/>
                <a:moveTo>
                  <a:pt x="426" y="189"/>
                </a:moveTo>
                <a:cubicBezTo>
                  <a:pt x="427" y="188"/>
                  <a:pt x="427" y="187"/>
                  <a:pt x="428" y="185"/>
                </a:cubicBezTo>
                <a:cubicBezTo>
                  <a:pt x="426" y="189"/>
                  <a:pt x="423" y="193"/>
                  <a:pt x="420" y="196"/>
                </a:cubicBezTo>
                <a:cubicBezTo>
                  <a:pt x="422" y="194"/>
                  <a:pt x="424" y="192"/>
                  <a:pt x="426" y="189"/>
                </a:cubicBezTo>
                <a:close/>
                <a:moveTo>
                  <a:pt x="402" y="214"/>
                </a:moveTo>
                <a:cubicBezTo>
                  <a:pt x="400" y="214"/>
                  <a:pt x="400" y="214"/>
                  <a:pt x="400" y="214"/>
                </a:cubicBezTo>
                <a:cubicBezTo>
                  <a:pt x="398" y="216"/>
                  <a:pt x="395" y="218"/>
                  <a:pt x="393" y="220"/>
                </a:cubicBezTo>
                <a:cubicBezTo>
                  <a:pt x="396" y="218"/>
                  <a:pt x="399" y="216"/>
                  <a:pt x="402" y="214"/>
                </a:cubicBezTo>
                <a:close/>
                <a:moveTo>
                  <a:pt x="26" y="228"/>
                </a:moveTo>
                <a:cubicBezTo>
                  <a:pt x="25" y="228"/>
                  <a:pt x="26" y="231"/>
                  <a:pt x="29" y="234"/>
                </a:cubicBezTo>
                <a:cubicBezTo>
                  <a:pt x="32" y="237"/>
                  <a:pt x="36" y="240"/>
                  <a:pt x="37" y="242"/>
                </a:cubicBezTo>
                <a:cubicBezTo>
                  <a:pt x="37" y="240"/>
                  <a:pt x="34" y="238"/>
                  <a:pt x="32" y="236"/>
                </a:cubicBezTo>
                <a:cubicBezTo>
                  <a:pt x="29" y="234"/>
                  <a:pt x="26" y="231"/>
                  <a:pt x="26" y="228"/>
                </a:cubicBezTo>
                <a:close/>
                <a:moveTo>
                  <a:pt x="196" y="36"/>
                </a:moveTo>
                <a:cubicBezTo>
                  <a:pt x="191" y="38"/>
                  <a:pt x="187" y="39"/>
                  <a:pt x="182" y="41"/>
                </a:cubicBezTo>
                <a:cubicBezTo>
                  <a:pt x="193" y="38"/>
                  <a:pt x="185" y="40"/>
                  <a:pt x="196" y="36"/>
                </a:cubicBezTo>
                <a:close/>
              </a:path>
            </a:pathLst>
          </a:custGeom>
          <a:solidFill>
            <a:srgbClr val="FF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459961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50">
        <p:fade/>
      </p:transition>
    </mc:Choice>
    <mc:Fallback xmlns="">
      <p:transition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6" name="Picture 25">
            <a:extLst>
              <a:ext uri="{FF2B5EF4-FFF2-40B4-BE49-F238E27FC236}">
                <a16:creationId xmlns:a16="http://schemas.microsoft.com/office/drawing/2014/main" id="{60099A8E-6C6C-34C4-5260-9465E633042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3625" y="1676580"/>
            <a:ext cx="5477620" cy="2313453"/>
          </a:xfrm>
          <a:prstGeom prst="rect">
            <a:avLst/>
          </a:prstGeom>
        </p:spPr>
      </p:pic>
      <p:pic>
        <p:nvPicPr>
          <p:cNvPr id="14" name="Content Placeholder 7">
            <a:extLst>
              <a:ext uri="{FF2B5EF4-FFF2-40B4-BE49-F238E27FC236}">
                <a16:creationId xmlns:a16="http://schemas.microsoft.com/office/drawing/2014/main" id="{1F544B96-56A0-8B6C-90A3-56E0BC0BB6B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760" t="10" r="6594"/>
          <a:stretch>
            <a:fillRect/>
          </a:stretch>
        </p:blipFill>
        <p:spPr bwMode="auto">
          <a:xfrm>
            <a:off x="5302370" y="2157112"/>
            <a:ext cx="2533975" cy="2924223"/>
          </a:xfrm>
          <a:custGeom>
            <a:avLst/>
            <a:gdLst>
              <a:gd name="connsiteX0" fmla="*/ 2768685 w 5537370"/>
              <a:gd name="connsiteY0" fmla="*/ 0 h 6390130"/>
              <a:gd name="connsiteX1" fmla="*/ 5537370 w 5537370"/>
              <a:gd name="connsiteY1" fmla="*/ 1604343 h 6390130"/>
              <a:gd name="connsiteX2" fmla="*/ 5537370 w 5537370"/>
              <a:gd name="connsiteY2" fmla="*/ 4785787 h 6390130"/>
              <a:gd name="connsiteX3" fmla="*/ 2768685 w 5537370"/>
              <a:gd name="connsiteY3" fmla="*/ 6390130 h 6390130"/>
              <a:gd name="connsiteX4" fmla="*/ 0 w 5537370"/>
              <a:gd name="connsiteY4" fmla="*/ 4785787 h 6390130"/>
              <a:gd name="connsiteX5" fmla="*/ 0 w 5537370"/>
              <a:gd name="connsiteY5" fmla="*/ 1604343 h 639013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5537370" h="6390130">
                <a:moveTo>
                  <a:pt x="2768685" y="0"/>
                </a:moveTo>
                <a:lnTo>
                  <a:pt x="5537370" y="1604343"/>
                </a:lnTo>
                <a:lnTo>
                  <a:pt x="5537370" y="4785787"/>
                </a:lnTo>
                <a:lnTo>
                  <a:pt x="2768685" y="6390130"/>
                </a:lnTo>
                <a:lnTo>
                  <a:pt x="0" y="4785787"/>
                </a:lnTo>
                <a:lnTo>
                  <a:pt x="0" y="1604343"/>
                </a:lnTo>
                <a:close/>
              </a:path>
            </a:pathLst>
          </a:custGeom>
          <a:noFill/>
          <a:ln w="38100">
            <a:solidFill>
              <a:schemeClr val="bg2">
                <a:lumMod val="75000"/>
              </a:schemeClr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CA03BBDA-54A6-C708-10F3-34DFDA0811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676C00A-73A6-1948-E972-94E3A266A2A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856A727-B6AC-4A31-2FC2-22056BF26F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2603249-D4B0-4564-6C0B-98DADD5A7E9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11</a:t>
            </a:fld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D6F9D64C-25A3-6D8E-030B-141447A0026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92591565-E840-7E90-D81A-07768146A734}"/>
              </a:ext>
            </a:extLst>
          </p:cNvPr>
          <p:cNvGrpSpPr/>
          <p:nvPr/>
        </p:nvGrpSpPr>
        <p:grpSpPr>
          <a:xfrm>
            <a:off x="6340757" y="3628471"/>
            <a:ext cx="6087218" cy="2581529"/>
            <a:chOff x="6053077" y="3974460"/>
            <a:chExt cx="6087218" cy="2581529"/>
          </a:xfrm>
        </p:grpSpPr>
        <p:pic>
          <p:nvPicPr>
            <p:cNvPr id="8" name="Picture 7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BF7F033A-F117-219B-B44F-EA86673200D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053077" y="39744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9" name="Picture 8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5008AB71-01FB-37B3-A79A-0A6A064CB120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205477" y="41268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10" name="Picture 9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0CC2B510-7493-4900-F7F6-35130D89BCB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57877" y="42792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11" name="Picture 10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A5F0273D-7744-9431-0F9A-87F8D59CA9B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510277" y="44316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12" name="Picture 11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09306D27-AE96-A426-68E3-079884C2BB34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662677" y="45840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13" name="Picture 12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FC02D64C-11A4-B9E2-6DEC-E721872574FC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815077" y="47364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</p:grpSp>
    </p:spTree>
    <p:extLst>
      <p:ext uri="{BB962C8B-B14F-4D97-AF65-F5344CB8AC3E}">
        <p14:creationId xmlns:p14="http://schemas.microsoft.com/office/powerpoint/2010/main" val="219033797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345E54-FF0C-00D1-14BD-739E456678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Picture 14">
            <a:extLst>
              <a:ext uri="{FF2B5EF4-FFF2-40B4-BE49-F238E27FC236}">
                <a16:creationId xmlns:a16="http://schemas.microsoft.com/office/drawing/2014/main" id="{B10F983D-53FC-EDEC-D58C-FD6FD17EDB3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3625" y="1676580"/>
            <a:ext cx="5477620" cy="2313453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1A860469-BD1F-69EB-3346-05136F8E05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FFF7B31-4807-5C0B-BA4F-13ADF18637F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F9314-6109-AF20-BD9D-5F8F7B6B825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B22FE78-59D5-8E6A-BF35-93574F52D87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82E5E64-AFCB-192B-A32A-AA03A6CE831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36255E43-CD77-A25B-B02C-3E60894CE579}"/>
              </a:ext>
            </a:extLst>
          </p:cNvPr>
          <p:cNvGrpSpPr/>
          <p:nvPr/>
        </p:nvGrpSpPr>
        <p:grpSpPr>
          <a:xfrm>
            <a:off x="6340757" y="3628471"/>
            <a:ext cx="6087218" cy="2581529"/>
            <a:chOff x="6053077" y="3974460"/>
            <a:chExt cx="6087218" cy="2581529"/>
          </a:xfrm>
        </p:grpSpPr>
        <p:pic>
          <p:nvPicPr>
            <p:cNvPr id="8" name="Picture 7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09257B07-EED6-952A-5188-B0872BF4B94A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053077" y="39744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9" name="Picture 8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173300FF-46C4-ACCE-9738-3731FF8BBF5D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205477" y="41268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10" name="Picture 9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565CE665-85C4-145A-5498-E035D057057F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57877" y="42792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11" name="Picture 10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BD0D8BBF-1AD6-0B56-BB5A-65CDAB0A5760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510277" y="44316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12" name="Picture 11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70C12773-87C3-32C7-36BE-A3E57E906000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662677" y="45840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  <p:pic>
          <p:nvPicPr>
            <p:cNvPr id="13" name="Picture 12" descr="Graphical user interface, text&#10;&#10;Description automatically generated">
              <a:extLst>
                <a:ext uri="{FF2B5EF4-FFF2-40B4-BE49-F238E27FC236}">
                  <a16:creationId xmlns:a16="http://schemas.microsoft.com/office/drawing/2014/main" id="{4301919E-F76F-032D-6B48-A87C3DF8DFC9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815077" y="4736460"/>
              <a:ext cx="5325218" cy="1819529"/>
            </a:xfrm>
            <a:prstGeom prst="rect">
              <a:avLst/>
            </a:prstGeom>
            <a:solidFill>
              <a:srgbClr val="FFFFFF">
                <a:shade val="85000"/>
              </a:srgbClr>
            </a:solidFill>
            <a:ln w="88900" cap="sq">
              <a:solidFill>
                <a:srgbClr val="FFFFFF"/>
              </a:solidFill>
              <a:miter lim="800000"/>
            </a:ln>
            <a:effectLst>
              <a:outerShdw blurRad="55000" dist="18000" dir="5400000" algn="tl" rotWithShape="0">
                <a:srgbClr val="000000">
                  <a:alpha val="40000"/>
                </a:srgbClr>
              </a:outerShdw>
            </a:effectLst>
            <a:scene3d>
              <a:camera prst="orthographicFront"/>
              <a:lightRig rig="twoPt" dir="t">
                <a:rot lat="0" lon="0" rev="7200000"/>
              </a:lightRig>
            </a:scene3d>
            <a:sp3d>
              <a:bevelT w="25400" h="19050"/>
              <a:contourClr>
                <a:srgbClr val="FFFFFF"/>
              </a:contourClr>
            </a:sp3d>
          </p:spPr>
        </p:pic>
      </p:grpSp>
      <p:pic>
        <p:nvPicPr>
          <p:cNvPr id="14" name="Content Placeholder 7">
            <a:extLst>
              <a:ext uri="{FF2B5EF4-FFF2-40B4-BE49-F238E27FC236}">
                <a16:creationId xmlns:a16="http://schemas.microsoft.com/office/drawing/2014/main" id="{1303E102-D46C-284A-E761-6B2920FAD8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760" t="10" r="6594"/>
          <a:stretch>
            <a:fillRect/>
          </a:stretch>
        </p:blipFill>
        <p:spPr bwMode="auto">
          <a:xfrm>
            <a:off x="5302370" y="2157112"/>
            <a:ext cx="2533975" cy="2924223"/>
          </a:xfrm>
          <a:custGeom>
            <a:avLst/>
            <a:gdLst>
              <a:gd name="connsiteX0" fmla="*/ 2768685 w 5537370"/>
              <a:gd name="connsiteY0" fmla="*/ 0 h 6390130"/>
              <a:gd name="connsiteX1" fmla="*/ 5537370 w 5537370"/>
              <a:gd name="connsiteY1" fmla="*/ 1604343 h 6390130"/>
              <a:gd name="connsiteX2" fmla="*/ 5537370 w 5537370"/>
              <a:gd name="connsiteY2" fmla="*/ 4785787 h 6390130"/>
              <a:gd name="connsiteX3" fmla="*/ 2768685 w 5537370"/>
              <a:gd name="connsiteY3" fmla="*/ 6390130 h 6390130"/>
              <a:gd name="connsiteX4" fmla="*/ 0 w 5537370"/>
              <a:gd name="connsiteY4" fmla="*/ 4785787 h 6390130"/>
              <a:gd name="connsiteX5" fmla="*/ 0 w 5537370"/>
              <a:gd name="connsiteY5" fmla="*/ 1604343 h 639013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5537370" h="6390130">
                <a:moveTo>
                  <a:pt x="2768685" y="0"/>
                </a:moveTo>
                <a:lnTo>
                  <a:pt x="5537370" y="1604343"/>
                </a:lnTo>
                <a:lnTo>
                  <a:pt x="5537370" y="4785787"/>
                </a:lnTo>
                <a:lnTo>
                  <a:pt x="2768685" y="6390130"/>
                </a:lnTo>
                <a:lnTo>
                  <a:pt x="0" y="4785787"/>
                </a:lnTo>
                <a:lnTo>
                  <a:pt x="0" y="1604343"/>
                </a:lnTo>
                <a:close/>
              </a:path>
            </a:pathLst>
          </a:custGeom>
          <a:noFill/>
          <a:ln w="38100">
            <a:solidFill>
              <a:schemeClr val="bg2">
                <a:lumMod val="75000"/>
              </a:schemeClr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mc:AlternateContent xmlns:mc="http://schemas.openxmlformats.org/markup-compatibility/2006">
        <mc:Choice xmlns:p14="http://schemas.microsoft.com/office/powerpoint/2010/main" Requires="p14">
          <p:contentPart p14:bwMode="auto" r:id="rId5">
            <p14:nvContentPartPr>
              <p14:cNvPr id="18" name="Ink 17">
                <a:extLst>
                  <a:ext uri="{FF2B5EF4-FFF2-40B4-BE49-F238E27FC236}">
                    <a16:creationId xmlns:a16="http://schemas.microsoft.com/office/drawing/2014/main" id="{46881451-EE27-2A7E-BF8E-334798AA8148}"/>
                  </a:ext>
                </a:extLst>
              </p14:cNvPr>
              <p14:cNvContentPartPr/>
              <p14:nvPr/>
            </p14:nvContentPartPr>
            <p14:xfrm>
              <a:off x="452230" y="3618105"/>
              <a:ext cx="4748040" cy="138960"/>
            </p14:xfrm>
          </p:contentPart>
        </mc:Choice>
        <mc:Fallback>
          <p:pic>
            <p:nvPicPr>
              <p:cNvPr id="18" name="Ink 17">
                <a:extLst>
                  <a:ext uri="{FF2B5EF4-FFF2-40B4-BE49-F238E27FC236}">
                    <a16:creationId xmlns:a16="http://schemas.microsoft.com/office/drawing/2014/main" id="{46881451-EE27-2A7E-BF8E-334798AA8148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398230" y="3510105"/>
                <a:ext cx="4855680" cy="354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7">
            <p14:nvContentPartPr>
              <p14:cNvPr id="20" name="Ink 19">
                <a:extLst>
                  <a:ext uri="{FF2B5EF4-FFF2-40B4-BE49-F238E27FC236}">
                    <a16:creationId xmlns:a16="http://schemas.microsoft.com/office/drawing/2014/main" id="{5B8EEB73-42DC-F3F1-1A35-C59E9484800E}"/>
                  </a:ext>
                </a:extLst>
              </p14:cNvPr>
              <p14:cNvContentPartPr/>
              <p14:nvPr/>
            </p14:nvContentPartPr>
            <p14:xfrm>
              <a:off x="7187110" y="5831385"/>
              <a:ext cx="4748760" cy="137880"/>
            </p14:xfrm>
          </p:contentPart>
        </mc:Choice>
        <mc:Fallback>
          <p:pic>
            <p:nvPicPr>
              <p:cNvPr id="20" name="Ink 19">
                <a:extLst>
                  <a:ext uri="{FF2B5EF4-FFF2-40B4-BE49-F238E27FC236}">
                    <a16:creationId xmlns:a16="http://schemas.microsoft.com/office/drawing/2014/main" id="{5B8EEB73-42DC-F3F1-1A35-C59E9484800E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7133110" y="5723385"/>
                <a:ext cx="4856400" cy="353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9">
            <p14:nvContentPartPr>
              <p14:cNvPr id="21" name="Ink 20">
                <a:extLst>
                  <a:ext uri="{FF2B5EF4-FFF2-40B4-BE49-F238E27FC236}">
                    <a16:creationId xmlns:a16="http://schemas.microsoft.com/office/drawing/2014/main" id="{D7900D97-95D5-2C66-01E0-BEB0954C716E}"/>
                  </a:ext>
                </a:extLst>
              </p14:cNvPr>
              <p14:cNvContentPartPr/>
              <p14:nvPr/>
            </p14:nvContentPartPr>
            <p14:xfrm>
              <a:off x="8465470" y="6042345"/>
              <a:ext cx="3554640" cy="133920"/>
            </p14:xfrm>
          </p:contentPart>
        </mc:Choice>
        <mc:Fallback>
          <p:pic>
            <p:nvPicPr>
              <p:cNvPr id="21" name="Ink 20">
                <a:extLst>
                  <a:ext uri="{FF2B5EF4-FFF2-40B4-BE49-F238E27FC236}">
                    <a16:creationId xmlns:a16="http://schemas.microsoft.com/office/drawing/2014/main" id="{D7900D97-95D5-2C66-01E0-BEB0954C716E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8411470" y="5934345"/>
                <a:ext cx="3662280" cy="3495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1">
            <p14:nvContentPartPr>
              <p14:cNvPr id="22" name="Ink 21">
                <a:extLst>
                  <a:ext uri="{FF2B5EF4-FFF2-40B4-BE49-F238E27FC236}">
                    <a16:creationId xmlns:a16="http://schemas.microsoft.com/office/drawing/2014/main" id="{76F13E16-8DB2-880D-090A-8C1FEC51A1E4}"/>
                  </a:ext>
                </a:extLst>
              </p14:cNvPr>
              <p14:cNvContentPartPr/>
              <p14:nvPr/>
            </p14:nvContentPartPr>
            <p14:xfrm>
              <a:off x="10913470" y="6022185"/>
              <a:ext cx="864360" cy="46440"/>
            </p14:xfrm>
          </p:contentPart>
        </mc:Choice>
        <mc:Fallback>
          <p:pic>
            <p:nvPicPr>
              <p:cNvPr id="22" name="Ink 21">
                <a:extLst>
                  <a:ext uri="{FF2B5EF4-FFF2-40B4-BE49-F238E27FC236}">
                    <a16:creationId xmlns:a16="http://schemas.microsoft.com/office/drawing/2014/main" id="{76F13E16-8DB2-880D-090A-8C1FEC51A1E4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10859447" y="5914185"/>
                <a:ext cx="972045" cy="26208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393932311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9D44BE82-82C4-44AA-99BB-A7C379CE38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7700" y="647700"/>
            <a:ext cx="10895014" cy="1292866"/>
          </a:xfrm>
        </p:spPr>
        <p:txBody>
          <a:bodyPr anchor="t">
            <a:normAutofit/>
          </a:bodyPr>
          <a:lstStyle/>
          <a:p>
            <a:r>
              <a:rPr lang="en-GB" dirty="0"/>
              <a:t>Who</a:t>
            </a:r>
          </a:p>
        </p:txBody>
      </p:sp>
      <p:sp>
        <p:nvSpPr>
          <p:cNvPr id="29" name="Date Placeholder 4">
            <a:extLst>
              <a:ext uri="{FF2B5EF4-FFF2-40B4-BE49-F238E27FC236}">
                <a16:creationId xmlns:a16="http://schemas.microsoft.com/office/drawing/2014/main" id="{6246F281-27D5-BD37-E704-9A01E81F89FE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648000" y="324000"/>
            <a:ext cx="1920000" cy="125850"/>
          </a:xfrm>
        </p:spPr>
        <p:txBody>
          <a:bodyPr/>
          <a:lstStyle/>
          <a:p>
            <a:endParaRPr lang="en-US"/>
          </a:p>
        </p:txBody>
      </p:sp>
      <p:sp>
        <p:nvSpPr>
          <p:cNvPr id="30" name="Footer Placeholder 5">
            <a:extLst>
              <a:ext uri="{FF2B5EF4-FFF2-40B4-BE49-F238E27FC236}">
                <a16:creationId xmlns:a16="http://schemas.microsoft.com/office/drawing/2014/main" id="{50BF1A2B-7BB4-04F1-D0EE-3E780D03910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2892712" y="323850"/>
            <a:ext cx="4162138" cy="126000"/>
          </a:xfrm>
        </p:spPr>
        <p:txBody>
          <a:bodyPr/>
          <a:lstStyle/>
          <a:p>
            <a:endParaRPr lang="en-US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3E755C31-4C62-4116-B9B6-0C7F46E08475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324000" y="324000"/>
            <a:ext cx="324000" cy="12585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  <p:sp>
        <p:nvSpPr>
          <p:cNvPr id="31" name="Text Placeholder 7">
            <a:extLst>
              <a:ext uri="{FF2B5EF4-FFF2-40B4-BE49-F238E27FC236}">
                <a16:creationId xmlns:a16="http://schemas.microsoft.com/office/drawing/2014/main" id="{16D08916-D7DE-5191-487E-B8E04857D1E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7999" y="6210000"/>
            <a:ext cx="8652000" cy="324000"/>
          </a:xfrm>
        </p:spPr>
        <p:txBody>
          <a:bodyPr/>
          <a:lstStyle/>
          <a:p>
            <a:endParaRPr lang="en-US"/>
          </a:p>
        </p:txBody>
      </p:sp>
      <p:graphicFrame>
        <p:nvGraphicFramePr>
          <p:cNvPr id="32" name="Content Placeholder 12">
            <a:extLst>
              <a:ext uri="{FF2B5EF4-FFF2-40B4-BE49-F238E27FC236}">
                <a16:creationId xmlns:a16="http://schemas.microsoft.com/office/drawing/2014/main" id="{5DC789E1-C5B8-B594-F8E4-EC60B50CDA28}"/>
              </a:ext>
            </a:extLst>
          </p:cNvPr>
          <p:cNvGraphicFramePr>
            <a:graphicFrameLocks noGrp="1"/>
          </p:cNvGraphicFramePr>
          <p:nvPr>
            <p:ph sz="quarter" idx="14"/>
            <p:extLst>
              <p:ext uri="{D42A27DB-BD31-4B8C-83A1-F6EECF244321}">
                <p14:modId xmlns:p14="http://schemas.microsoft.com/office/powerpoint/2010/main" val="3728446416"/>
              </p:ext>
            </p:extLst>
          </p:nvPr>
        </p:nvGraphicFramePr>
        <p:xfrm>
          <a:off x="6257914" y="1944000"/>
          <a:ext cx="5286000" cy="4266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  <p:pic>
        <p:nvPicPr>
          <p:cNvPr id="1026" name="Picture 2" descr="Plot">
            <a:extLst>
              <a:ext uri="{FF2B5EF4-FFF2-40B4-BE49-F238E27FC236}">
                <a16:creationId xmlns:a16="http://schemas.microsoft.com/office/drawing/2014/main" id="{2B0D7B8A-C3B8-9424-2AB7-285F9B0D3E22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58081" y="1944688"/>
            <a:ext cx="4265612" cy="42656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3981670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ext Placeholder 2">
            <a:extLst>
              <a:ext uri="{FF2B5EF4-FFF2-40B4-BE49-F238E27FC236}">
                <a16:creationId xmlns:a16="http://schemas.microsoft.com/office/drawing/2014/main" id="{53F7F487-C536-3D76-3F58-5287D7534E8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7999" y="6210000"/>
            <a:ext cx="8652000" cy="324000"/>
          </a:xfrm>
        </p:spPr>
        <p:txBody>
          <a:bodyPr/>
          <a:lstStyle/>
          <a:p>
            <a:endParaRPr lang="en-US"/>
          </a:p>
        </p:txBody>
      </p:sp>
      <p:sp>
        <p:nvSpPr>
          <p:cNvPr id="40" name="Date Placeholder 3">
            <a:extLst>
              <a:ext uri="{FF2B5EF4-FFF2-40B4-BE49-F238E27FC236}">
                <a16:creationId xmlns:a16="http://schemas.microsoft.com/office/drawing/2014/main" id="{DC9409DC-1254-8AC5-ACA8-C3EE786A4EF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8000" y="324000"/>
            <a:ext cx="1920000" cy="125850"/>
          </a:xfrm>
        </p:spPr>
        <p:txBody>
          <a:bodyPr/>
          <a:lstStyle/>
          <a:p>
            <a:endParaRPr lang="en-US"/>
          </a:p>
        </p:txBody>
      </p:sp>
      <p:sp>
        <p:nvSpPr>
          <p:cNvPr id="42" name="Footer Placeholder 4">
            <a:extLst>
              <a:ext uri="{FF2B5EF4-FFF2-40B4-BE49-F238E27FC236}">
                <a16:creationId xmlns:a16="http://schemas.microsoft.com/office/drawing/2014/main" id="{06A9664A-FDDD-3CA9-972F-63C9A99C40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892712" y="323850"/>
            <a:ext cx="4162138" cy="1260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1AAABA7-53B8-4C15-6C2D-782B88AA72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24000" y="324000"/>
            <a:ext cx="324000" cy="12585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3</a:t>
            </a:fld>
            <a:endParaRPr lang="en-GB"/>
          </a:p>
        </p:txBody>
      </p:sp>
      <p:sp>
        <p:nvSpPr>
          <p:cNvPr id="44" name="Text Placeholder 6">
            <a:extLst>
              <a:ext uri="{FF2B5EF4-FFF2-40B4-BE49-F238E27FC236}">
                <a16:creationId xmlns:a16="http://schemas.microsoft.com/office/drawing/2014/main" id="{F521E996-D956-0DDE-10D4-B388ADBEC42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47999" y="1327234"/>
            <a:ext cx="10896001" cy="324000"/>
          </a:xfrm>
        </p:spPr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CB63266-594D-67A3-3EC2-233127AF15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6000" cy="605664"/>
          </a:xfrm>
        </p:spPr>
        <p:txBody>
          <a:bodyPr anchor="t">
            <a:normAutofit/>
          </a:bodyPr>
          <a:lstStyle/>
          <a:p>
            <a:r>
              <a:rPr lang="en-GB"/>
              <a:t>Vision</a:t>
            </a:r>
            <a:endParaRPr lang="en-GB" dirty="0"/>
          </a:p>
        </p:txBody>
      </p:sp>
      <p:graphicFrame>
        <p:nvGraphicFramePr>
          <p:cNvPr id="33" name="Content Placeholder 2">
            <a:extLst>
              <a:ext uri="{FF2B5EF4-FFF2-40B4-BE49-F238E27FC236}">
                <a16:creationId xmlns:a16="http://schemas.microsoft.com/office/drawing/2014/main" id="{83EB1747-FC39-5A3A-237E-60A3525BE958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186055550"/>
              </p:ext>
            </p:extLst>
          </p:nvPr>
        </p:nvGraphicFramePr>
        <p:xfrm>
          <a:off x="648000" y="1944000"/>
          <a:ext cx="10896000" cy="42696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76010558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274F6CF-6070-4DF9-0361-B98777173AE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10896000" cy="4269600"/>
          </a:xfrm>
        </p:spPr>
        <p:txBody>
          <a:bodyPr>
            <a:normAutofit lnSpcReduction="10000"/>
          </a:bodyPr>
          <a:lstStyle/>
          <a:p>
            <a:pPr>
              <a:buFont typeface="Wingdings" panose="05000000000000000000" pitchFamily="2" charset="2"/>
              <a:buChar char="ü"/>
            </a:pPr>
            <a:r>
              <a:rPr lang="en-US" dirty="0"/>
              <a:t>Getting organized</a:t>
            </a:r>
          </a:p>
          <a:p>
            <a:r>
              <a:rPr lang="en-US" dirty="0"/>
              <a:t>Mapping out tasks</a:t>
            </a:r>
          </a:p>
          <a:p>
            <a:r>
              <a:rPr lang="en-GB" dirty="0"/>
              <a:t>Goals for solution/vision</a:t>
            </a:r>
          </a:p>
          <a:p>
            <a:pPr lvl="1"/>
            <a:r>
              <a:rPr lang="en-GB" dirty="0"/>
              <a:t>Actionable</a:t>
            </a:r>
          </a:p>
          <a:p>
            <a:pPr lvl="1"/>
            <a:r>
              <a:rPr lang="en-GB" dirty="0"/>
              <a:t>Modular: extendable, replaceable, buildable</a:t>
            </a:r>
          </a:p>
          <a:p>
            <a:pPr lvl="1"/>
            <a:r>
              <a:rPr lang="en-GB" dirty="0"/>
              <a:t>Support automatic pipelines</a:t>
            </a:r>
          </a:p>
          <a:p>
            <a:pPr lvl="1"/>
            <a:r>
              <a:rPr lang="en-GB" dirty="0"/>
              <a:t>Robust</a:t>
            </a:r>
          </a:p>
          <a:p>
            <a:pPr lvl="1"/>
            <a:r>
              <a:rPr lang="en-GB" dirty="0"/>
              <a:t>Reduce points of human input</a:t>
            </a:r>
          </a:p>
          <a:p>
            <a:r>
              <a:rPr lang="en-GB" dirty="0"/>
              <a:t>Organising into components</a:t>
            </a:r>
          </a:p>
          <a:p>
            <a:r>
              <a:rPr lang="en-GB" dirty="0"/>
              <a:t>Present – for you</a:t>
            </a:r>
          </a:p>
          <a:p>
            <a:r>
              <a:rPr lang="en-GB" dirty="0"/>
              <a:t>Present - externally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B9A197D-816A-9296-F026-6EDEA8E6FA8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7999" y="6210000"/>
            <a:ext cx="8652000" cy="324000"/>
          </a:xfrm>
        </p:spPr>
        <p:txBody>
          <a:bodyPr/>
          <a:lstStyle/>
          <a:p>
            <a:endParaRPr lang="en-US"/>
          </a:p>
        </p:txBody>
      </p:sp>
      <p:sp>
        <p:nvSpPr>
          <p:cNvPr id="14" name="Date Placeholder 3">
            <a:extLst>
              <a:ext uri="{FF2B5EF4-FFF2-40B4-BE49-F238E27FC236}">
                <a16:creationId xmlns:a16="http://schemas.microsoft.com/office/drawing/2014/main" id="{A73B5E77-5B90-F7A7-BCBE-A0386F33ECA3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8000" y="324000"/>
            <a:ext cx="1920000" cy="125850"/>
          </a:xfrm>
        </p:spPr>
        <p:txBody>
          <a:bodyPr/>
          <a:lstStyle/>
          <a:p>
            <a:endParaRPr lang="en-US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AB7AAE3C-8922-A615-83AE-BE2D86ED363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892712" y="323850"/>
            <a:ext cx="4162138" cy="1260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F42C74-1C81-D28F-329B-4F3F1A5DC5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24000" y="324000"/>
            <a:ext cx="324000" cy="12585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US" smtClean="0"/>
              <a:pPr>
                <a:spcAft>
                  <a:spcPts val="600"/>
                </a:spcAft>
              </a:pPr>
              <a:t>4</a:t>
            </a:fld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7A33B22-440D-26C6-2744-D78A27F2DD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6000" cy="605664"/>
          </a:xfrm>
        </p:spPr>
        <p:txBody>
          <a:bodyPr anchor="t">
            <a:normAutofit/>
          </a:bodyPr>
          <a:lstStyle/>
          <a:p>
            <a:r>
              <a:rPr lang="en-US" dirty="0"/>
              <a:t>Approach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150400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177449-39EC-7807-F086-DC1011659B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JCA process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EF75053-F30D-51AD-411D-29AF3C77762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63A0221-0B8C-E78B-983F-B85C9747C48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0CC3A6-11C3-6110-21A1-60957F8E699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132F1EC-1EB3-2065-5F6E-9CE9263B25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5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D508875-E33F-B1D2-0BBE-3805413992B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FC800ED4-FD33-827F-1E73-EF6AF5779C8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8640" y="2120088"/>
            <a:ext cx="11094720" cy="39138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952473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5EC985-0FC0-2D03-F79E-B22DAB65C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5034FBC-213A-41BA-1C90-E72B29C749D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0AA6EA2-5EF2-5F26-9A5B-D267FB348C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452B217-67AB-A940-BDF3-EBE56BB7A81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C647F15-EDEF-DDE9-0896-F85302B7A6E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6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A5798CB7-CCDB-9F13-92A0-E92A9E6ADE8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1550BABF-20D9-AD98-1E22-8CC6D947798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9760" y="644400"/>
            <a:ext cx="11064240" cy="47132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539287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6CF821-165D-35CC-FA11-3C27CED6DA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dimensional requirements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2F18B8C-F36A-2365-1D62-D4AC70BE23E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7999" y="1588400"/>
            <a:ext cx="10896000" cy="4269600"/>
          </a:xfrm>
        </p:spPr>
        <p:txBody>
          <a:bodyPr/>
          <a:lstStyle/>
          <a:p>
            <a:r>
              <a:rPr lang="en-US" dirty="0"/>
              <a:t>Support typical processes</a:t>
            </a:r>
          </a:p>
          <a:p>
            <a:pPr lvl="1"/>
            <a:r>
              <a:rPr lang="en-US" dirty="0"/>
              <a:t>Must support the way people are working with the processes</a:t>
            </a:r>
          </a:p>
          <a:p>
            <a:pPr lvl="1"/>
            <a:endParaRPr lang="en-US" dirty="0"/>
          </a:p>
          <a:p>
            <a:r>
              <a:rPr lang="en-US" dirty="0"/>
              <a:t>Modular</a:t>
            </a:r>
          </a:p>
          <a:p>
            <a:pPr lvl="1"/>
            <a:r>
              <a:rPr lang="en-US" dirty="0"/>
              <a:t>Specified interfaces allows separating concerns</a:t>
            </a:r>
          </a:p>
          <a:p>
            <a:pPr lvl="1"/>
            <a:r>
              <a:rPr lang="en-US" dirty="0"/>
              <a:t>Extendable, replaceable, buildabl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CAF815E-8382-8681-358C-1EB5275D96E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567934-5B4B-23BB-594E-077ED839290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2C1CE8-1B8A-AD47-A1B7-972EDDFFFFC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7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E03BE47-307C-4F4C-C8ED-4DEB838CAA7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668326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545A761-66D8-84F6-BC0C-83A844C9081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4D55F39-3FD2-A44D-AE08-7A1EF56EF9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dimensional requirements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6E56A8E-FE7F-4B5D-95AF-2F93792B690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7999" y="1588400"/>
            <a:ext cx="10896000" cy="4269600"/>
          </a:xfrm>
        </p:spPr>
        <p:txBody>
          <a:bodyPr/>
          <a:lstStyle/>
          <a:p>
            <a:r>
              <a:rPr lang="en-US" dirty="0"/>
              <a:t>Dependency tracking</a:t>
            </a:r>
          </a:p>
          <a:p>
            <a:pPr lvl="1"/>
            <a:r>
              <a:rPr lang="en-US" dirty="0"/>
              <a:t>Must go through the pipeline and thus across components.</a:t>
            </a:r>
          </a:p>
          <a:p>
            <a:pPr lvl="1"/>
            <a:r>
              <a:rPr lang="en-US" dirty="0"/>
              <a:t>Work in iterations</a:t>
            </a:r>
          </a:p>
          <a:p>
            <a:pPr lvl="1"/>
            <a:endParaRPr lang="en-US" dirty="0"/>
          </a:p>
          <a:p>
            <a:r>
              <a:rPr lang="en-US" dirty="0"/>
              <a:t>Human inputs</a:t>
            </a:r>
          </a:p>
          <a:p>
            <a:pPr lvl="1"/>
            <a:r>
              <a:rPr lang="en-US" dirty="0"/>
              <a:t>Clear modules/interfaces for human decisions/input</a:t>
            </a:r>
          </a:p>
          <a:p>
            <a:pPr lvl="1"/>
            <a:endParaRPr lang="en-US" dirty="0"/>
          </a:p>
          <a:p>
            <a:r>
              <a:rPr lang="en-US" dirty="0"/>
              <a:t>Validation</a:t>
            </a:r>
          </a:p>
          <a:p>
            <a:pPr lvl="1"/>
            <a:r>
              <a:rPr lang="en-US" dirty="0"/>
              <a:t>Packages</a:t>
            </a:r>
          </a:p>
          <a:p>
            <a:pPr lvl="1"/>
            <a:r>
              <a:rPr lang="en-US" dirty="0"/>
              <a:t>Combined setup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B24A134-A547-A963-B119-DBB32E57EDB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F3155B4-9D31-145C-63B8-20F0DC4B0D2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AA36721-2F16-3833-9368-0CC9306EEF4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t>8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E76E82B-92C6-C432-EE55-DCE4E4A2D060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499831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DB9868-6C27-094E-C119-BE8D37CB3A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6000" cy="1296000"/>
          </a:xfrm>
        </p:spPr>
        <p:txBody>
          <a:bodyPr anchor="t">
            <a:normAutofit/>
          </a:bodyPr>
          <a:lstStyle/>
          <a:p>
            <a:r>
              <a:rPr lang="en-US" dirty="0"/>
              <a:t>Simple example</a:t>
            </a:r>
            <a:endParaRPr lang="en-GB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1E49DB4-1127-AC9D-991B-97B8EF30498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6408000" cy="4266166"/>
          </a:xfrm>
        </p:spPr>
        <p:txBody>
          <a:bodyPr>
            <a:normAutofit/>
          </a:bodyPr>
          <a:lstStyle/>
          <a:p>
            <a:r>
              <a:rPr lang="en-US" dirty="0"/>
              <a:t>RAMNOG – R suite for facilitating AMNOG style analysis</a:t>
            </a:r>
          </a:p>
          <a:p>
            <a:pPr lvl="1"/>
            <a:r>
              <a:rPr lang="en-GB" dirty="0"/>
              <a:t>Takes specifications in specific format, outputs results in defined format</a:t>
            </a:r>
          </a:p>
          <a:p>
            <a:pPr lvl="1"/>
            <a:r>
              <a:rPr lang="en-GB" dirty="0"/>
              <a:t>Splits orchestration, analysis and criteria into different modules</a:t>
            </a:r>
          </a:p>
          <a:p>
            <a:pPr lvl="2"/>
            <a:r>
              <a:rPr lang="en-GB" dirty="0"/>
              <a:t>and leaves out presentation for now</a:t>
            </a:r>
          </a:p>
          <a:p>
            <a:pPr lvl="1"/>
            <a:r>
              <a:rPr lang="en-GB" dirty="0"/>
              <a:t>Tracks dependencies</a:t>
            </a:r>
          </a:p>
          <a:p>
            <a:pPr lvl="2"/>
            <a:r>
              <a:rPr lang="en-GB" dirty="0"/>
              <a:t>Reruns analysis where input has changed, leaves others unaltered.</a:t>
            </a:r>
          </a:p>
          <a:p>
            <a:pPr lvl="2"/>
            <a:r>
              <a:rPr lang="en-GB" dirty="0"/>
              <a:t>Allows iterative building of delivery package</a:t>
            </a:r>
          </a:p>
          <a:p>
            <a:pPr lvl="1"/>
            <a:endParaRPr lang="en-GB" dirty="0"/>
          </a:p>
        </p:txBody>
      </p:sp>
      <p:sp>
        <p:nvSpPr>
          <p:cNvPr id="17" name="Date Placeholder 4">
            <a:extLst>
              <a:ext uri="{FF2B5EF4-FFF2-40B4-BE49-F238E27FC236}">
                <a16:creationId xmlns:a16="http://schemas.microsoft.com/office/drawing/2014/main" id="{0EC9350E-B1F0-54EC-F8C9-0254C5482ED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8000" y="324000"/>
            <a:ext cx="1920000" cy="125850"/>
          </a:xfrm>
        </p:spPr>
        <p:txBody>
          <a:bodyPr/>
          <a:lstStyle/>
          <a:p>
            <a:endParaRPr lang="en-US"/>
          </a:p>
        </p:txBody>
      </p:sp>
      <p:sp>
        <p:nvSpPr>
          <p:cNvPr id="19" name="Footer Placeholder 5">
            <a:extLst>
              <a:ext uri="{FF2B5EF4-FFF2-40B4-BE49-F238E27FC236}">
                <a16:creationId xmlns:a16="http://schemas.microsoft.com/office/drawing/2014/main" id="{2A55BD36-73EB-D5E9-8433-FA83628E6B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892712" y="323850"/>
            <a:ext cx="4162138" cy="1260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3625A05-72CA-D2D7-04EE-8E2704B7F3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24000" y="324000"/>
            <a:ext cx="324000" cy="12585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US" smtClean="0"/>
              <a:pPr>
                <a:spcAft>
                  <a:spcPts val="600"/>
                </a:spcAft>
              </a:pPr>
              <a:t>9</a:t>
            </a:fld>
            <a:endParaRPr lang="en-US"/>
          </a:p>
        </p:txBody>
      </p:sp>
      <p:sp>
        <p:nvSpPr>
          <p:cNvPr id="21" name="Text Placeholder 7">
            <a:extLst>
              <a:ext uri="{FF2B5EF4-FFF2-40B4-BE49-F238E27FC236}">
                <a16:creationId xmlns:a16="http://schemas.microsoft.com/office/drawing/2014/main" id="{DB08AD83-F439-9B55-3F35-EC0288BFE1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7999" y="6210000"/>
            <a:ext cx="8652000" cy="324000"/>
          </a:xfrm>
        </p:spPr>
        <p:txBody>
          <a:bodyPr/>
          <a:lstStyle/>
          <a:p>
            <a:endParaRPr lang="en-US"/>
          </a:p>
        </p:txBody>
      </p:sp>
      <p:pic>
        <p:nvPicPr>
          <p:cNvPr id="13" name="Content Placeholder 7">
            <a:extLst>
              <a:ext uri="{FF2B5EF4-FFF2-40B4-BE49-F238E27FC236}">
                <a16:creationId xmlns:a16="http://schemas.microsoft.com/office/drawing/2014/main" id="{4110EB09-72FB-AB2F-2001-42AC04C0D916}"/>
              </a:ext>
            </a:extLst>
          </p:cNvPr>
          <p:cNvPicPr>
            <a:picLocks noGrp="1" noChangeAspect="1" noChangeArrowheads="1"/>
          </p:cNvPicPr>
          <p:nvPr>
            <p:ph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760" t="10" r="6594"/>
          <a:stretch>
            <a:fillRect/>
          </a:stretch>
        </p:blipFill>
        <p:spPr bwMode="auto">
          <a:xfrm>
            <a:off x="7702609" y="1197119"/>
            <a:ext cx="3696351" cy="4265612"/>
          </a:xfrm>
          <a:custGeom>
            <a:avLst/>
            <a:gdLst>
              <a:gd name="connsiteX0" fmla="*/ 2768685 w 5537370"/>
              <a:gd name="connsiteY0" fmla="*/ 0 h 6390130"/>
              <a:gd name="connsiteX1" fmla="*/ 5537370 w 5537370"/>
              <a:gd name="connsiteY1" fmla="*/ 1604343 h 6390130"/>
              <a:gd name="connsiteX2" fmla="*/ 5537370 w 5537370"/>
              <a:gd name="connsiteY2" fmla="*/ 4785787 h 6390130"/>
              <a:gd name="connsiteX3" fmla="*/ 2768685 w 5537370"/>
              <a:gd name="connsiteY3" fmla="*/ 6390130 h 6390130"/>
              <a:gd name="connsiteX4" fmla="*/ 0 w 5537370"/>
              <a:gd name="connsiteY4" fmla="*/ 4785787 h 6390130"/>
              <a:gd name="connsiteX5" fmla="*/ 0 w 5537370"/>
              <a:gd name="connsiteY5" fmla="*/ 1604343 h 639013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5537370" h="6390130">
                <a:moveTo>
                  <a:pt x="2768685" y="0"/>
                </a:moveTo>
                <a:lnTo>
                  <a:pt x="5537370" y="1604343"/>
                </a:lnTo>
                <a:lnTo>
                  <a:pt x="5537370" y="4785787"/>
                </a:lnTo>
                <a:lnTo>
                  <a:pt x="2768685" y="6390130"/>
                </a:lnTo>
                <a:lnTo>
                  <a:pt x="0" y="4785787"/>
                </a:lnTo>
                <a:lnTo>
                  <a:pt x="0" y="1604343"/>
                </a:lnTo>
                <a:close/>
              </a:path>
            </a:pathLst>
          </a:custGeom>
          <a:noFill/>
          <a:ln w="38100">
            <a:solidFill>
              <a:schemeClr val="bg2">
                <a:lumMod val="75000"/>
              </a:schemeClr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7941497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Novo Nordisk 16:9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Apis Novo Nordisk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lnSpc>
            <a:spcPct val="120000"/>
          </a:lnSpc>
          <a:defRPr sz="20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Blank.potx" id="{E74F5A70-44BF-4AEF-9F91-978B11132E07}" vid="{565FA72A-7CC8-47B7-A269-0957194D19A6}"/>
    </a:ext>
  </a:extLst>
</a:theme>
</file>

<file path=ppt/theme/theme2.xml><?xml version="1.0" encoding="utf-8"?>
<a:theme xmlns:a="http://schemas.openxmlformats.org/drawingml/2006/main" name="Office-tema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PLogoChoice","dataSourceFieldName":"LogoUI","name":"PLogoChoice","label":"Choose template version"}],"formDataEntries":[{"name":"PLogoChoice","value":"wOFjggx7WcPEsCGJ0WR8BQ=="}]}]]></TemplafyFormConfiguration>
</file>

<file path=customXml/item2.xml><?xml version="1.0" encoding="utf-8"?>
<TemplafyTemplateConfiguration><![CDATA[{"elementsMetadata":[{"type":"shape","id":"eb58937a-b205-4a27-be49-3bc2e14a8630","elementConfiguration":{"inheritDimensions":"{{InheritDimensions.InheritNone}}","width":"7.67 cm","height":"3.64 cm","image":"{{Form.PLogoChoice.PLogoInsertion.Image}}","visibility":"","type":"image","disableUpdates":false}},{"type":"shape","id":"8eccbfc3-6eb6-42e2-ae4e-016bbab015c3","elementConfiguration":{"inheritDimensions":"{{InheritDimensions.InheritNone}}","width":"7.67 cm","height":"3.64 cm","image":"{{Form.PLogoChoice.PLogoInsertionWhite.Image}}","visibility":"","type":"image","disableUpdates":false}},{"type":"shape","id":"59f1d9fc-aeee-449f-a6f7-588e60be91c9","elementConfiguration":{"inheritDimensions":"{{InheritDimensions.InheritNone}}","width":"7.67 cm","height":"3.64 cm","image":"{{Form.PLogoChoice.PLogoInsertionWhite.Image}}","visibility":"","type":"image","disableUpdates":false}},{"type":"shape","id":"a88af93e-5263-4040-8510-a0afaf0846d9","elementConfiguration":{"inheritDimensions":"{{InheritDimensions.InheritNone}}","width":"7.67 cm","height":"3.64 cm","image":"{{Form.PLogoChoice.PLogoInsertion.Image}}","visibility":"","type":"image","disableUpdates":false}},{"type":"shape","id":"82213005-19b1-4842-9f59-b0de14f9002d","elementConfiguration":{"inheritDimensions":"{{InheritDimensions.InheritNone}}","width":"7.67 cm","height":"3.64 cm","image":"{{Form.PLogoChoice.PLogoInsertion.Image}}","visibility":"","type":"image","disableUpdates":false}},{"type":"shape","id":"a616fa2d-1df8-486a-aa5a-1d625a08637c","elementConfiguration":{"inheritDimensions":"{{InheritDimensions.InheritNone}}","width":"7.67 cm","height":"3.64 cm","image":"{{Form.PLogoChoice.PLogoInsertionWhite.Image}}","visibility":"","type":"image","disableUpdates":false}},{"type":"shape","id":"597db385-7ff1-42b2-97f0-c51500c7a7c8","elementConfiguration":{"inheritDimensions":"{{InheritDimensions.InheritNone}}","width":"7.67 cm","height":"3.64 cm","image":"{{Form.PLogoChoice.PLogoInsertion.Image}}","visibility":"","type":"image","disableUpdates":false}},{"type":"shape","id":"e809ed11-9422-47fe-a268-67b17289e99c","elementConfiguration":{"inheritDimensions":"{{InheritDimensions.InheritNone}}","width":"7.67 cm","height":"3.64 cm","image":"{{Form.PLogoChoice.PLogoInsertion.Image}}","visibility":"","type":"image","disableUpdates":false}},{"type":"shape","id":"4ad1fa36-24c1-4ef3-bae9-c1535ed527a0","elementConfiguration":{"inheritDimensions":"{{InheritDimensions.InheritNone}}","width":"7.67 cm","height":"3.64 cm","image":"{{Form.PLogoChoice.PLogoInsertionWhite.Image}}","visibility":"","type":"image","disableUpdates":false}},{"type":"shape","id":"0c2a7980-4e34-4ba3-a512-3b1b1e10cce7","elementConfiguration":{"inheritDimensions":"{{InheritDimensions.InheritNone}}","width":"7.67 cm","height":"3.64 cm","image":"{{Form.PLogoChoice.PLogoInsertion.Image}}","visibility":"","type":"image","disableUpdates":false}},{"type":"shape","id":"589a898a-484b-4c47-97f9-c45ef62316f7","elementConfiguration":{"inheritDimensions":"{{InheritDimensions.InheritNone}}","width":"7.67 cm","height":"3.64 cm","image":"{{Form.PLogoChoice.PLogoInsertionWhite.Image}}","visibility":"","type":"image","disableUpdates":false}},{"type":"shape","id":"a87b6fe3-e5ce-4035-b8f6-f5dd1d7a8ea7","elementConfiguration":{"inheritDimensions":"{{InheritDimensions.InheritNone}}","width":"7.67 cm","height":"3.64 cm","image":"{{Form.PLogoChoice.PLogoInsertion.Image}}","visibility":"","type":"image","disableUpdates":false}},{"type":"shape","id":"99f63abe-57b3-4553-950e-fb8db9e13eb6","elementConfiguration":{"inheritDimensions":"{{InheritDimensions.InheritNone}}","width":"7.67 cm","height":"3.64 cm","image":"{{Form.PLogoChoice.PLogoInsertionWhite.Image}}","visibility":"","type":"image","disableUpdates":false}}],"transformationConfigurations":[],"templateName":"Novo Nordisk template","templateDescription":"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{"type":"shape","elementConfiguration":{"inheritDimensions":"{{InheritDimensions.InheritNone}}","width":"7.67 cm","height":"3.64 cm","image":"{{Form.PLogoChoice.PLogoInsertion.Image}}","visibility":"","type":"image","disableUpdates":false}}],"slideId":"1034136882650546176","enableDocumentContentUpdater":false,"version":"2.0"}]]></TemplafySlideTemplateConfiguration>
</file>

<file path=customXml/item4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LogoChoice","dataSourceFieldName":"LogoUI","name":"PLogoChoice","label":"Choose template version"}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103413688265054617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7E8FC0E-283E-401E-B8A8-87907F3228F6}">
  <ds:schemaRefs/>
</ds:datastoreItem>
</file>

<file path=customXml/itemProps2.xml><?xml version="1.0" encoding="utf-8"?>
<ds:datastoreItem xmlns:ds="http://schemas.openxmlformats.org/officeDocument/2006/customXml" ds:itemID="{2626F5D6-ACE2-47C9-A1D2-5866818DBE2E}">
  <ds:schemaRefs/>
</ds:datastoreItem>
</file>

<file path=customXml/itemProps3.xml><?xml version="1.0" encoding="utf-8"?>
<ds:datastoreItem xmlns:ds="http://schemas.openxmlformats.org/officeDocument/2006/customXml" ds:itemID="{48C604B1-D67C-463C-85BB-1BEF26C42DD1}">
  <ds:schemaRefs/>
</ds:datastoreItem>
</file>

<file path=customXml/itemProps4.xml><?xml version="1.0" encoding="utf-8"?>
<ds:datastoreItem xmlns:ds="http://schemas.openxmlformats.org/officeDocument/2006/customXml" ds:itemID="{7F581AC6-3548-4E3A-9A8D-3214F58723B2}">
  <ds:schemaRefs/>
</ds:datastoreItem>
</file>

<file path=customXml/itemProps5.xml><?xml version="1.0" encoding="utf-8"?>
<ds:datastoreItem xmlns:ds="http://schemas.openxmlformats.org/officeDocument/2006/customXml" ds:itemID="{6B7C7978-AA21-4F31-B059-175009865A6F}">
  <ds:schemaRefs/>
</ds:datastoreItem>
</file>

<file path=customXml/itemProps6.xml><?xml version="1.0" encoding="utf-8"?>
<ds:datastoreItem xmlns:ds="http://schemas.openxmlformats.org/officeDocument/2006/customXml" ds:itemID="{547F00E3-087D-4C22-8CA6-D994FF99EBE4}">
  <ds:schemaRefs/>
</ds:datastoreItem>
</file>

<file path=docMetadata/LabelInfo.xml><?xml version="1.0" encoding="utf-8"?>
<clbl:labelList xmlns:clbl="http://schemas.microsoft.com/office/2020/mipLabelMetadata">
  <clbl:label id="{33dbb6de-3369-4fc4-a3fd-6c17fefa0f44}" enabled="1" method="Privileged" siteId="{fdfed7bd-9f6a-44a1-b694-6e39c468c150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24</Words>
  <Application>Microsoft Office PowerPoint</Application>
  <PresentationFormat>Widescreen</PresentationFormat>
  <Paragraphs>76</Paragraphs>
  <Slides>12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7" baseType="lpstr">
      <vt:lpstr>Wingdings</vt:lpstr>
      <vt:lpstr>Apis For Office Light</vt:lpstr>
      <vt:lpstr>Arial</vt:lpstr>
      <vt:lpstr>Apis For Office</vt:lpstr>
      <vt:lpstr>Novo Nordisk 16:9</vt:lpstr>
      <vt:lpstr>R vision for HTA R-consortium HTA-WG</vt:lpstr>
      <vt:lpstr>Who</vt:lpstr>
      <vt:lpstr>Vision</vt:lpstr>
      <vt:lpstr>Approach</vt:lpstr>
      <vt:lpstr>JCA process</vt:lpstr>
      <vt:lpstr>PowerPoint Presentation</vt:lpstr>
      <vt:lpstr>Multi-dimensional requirements</vt:lpstr>
      <vt:lpstr>Multi-dimensional requirements</vt:lpstr>
      <vt:lpstr>Simple example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5-03-10T08:51:49Z</dcterms:created>
  <dcterms:modified xsi:type="dcterms:W3CDTF">2025-03-21T10:07:3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0-25T09:29:38</vt:lpwstr>
  </property>
  <property fmtid="{D5CDD505-2E9C-101B-9397-08002B2CF9AE}" pid="3" name="TemplafyTenantId">
    <vt:lpwstr>novonordisk</vt:lpwstr>
  </property>
  <property fmtid="{D5CDD505-2E9C-101B-9397-08002B2CF9AE}" pid="4" name="TemplafyTemplateId">
    <vt:lpwstr>1034136874765255028</vt:lpwstr>
  </property>
  <property fmtid="{D5CDD505-2E9C-101B-9397-08002B2CF9AE}" pid="5" name="TemplafyUserProfileId">
    <vt:lpwstr>1014095569751113914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